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tabRatio="741"/>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BE36" i="10"/>
  <c r="AM36" i="10"/>
  <c r="CO35" i="10"/>
  <c r="CO36" i="10" s="1"/>
  <c r="BE35" i="10"/>
  <c r="AM35" i="10"/>
  <c r="CO34" i="10"/>
  <c r="BW34" i="10"/>
  <c r="BW35" i="10" s="1"/>
  <c r="BW36" i="10" s="1"/>
  <c r="BW37" i="10" s="1"/>
  <c r="BW38" i="10" s="1"/>
  <c r="BW39" i="10" s="1"/>
  <c r="BW40" i="10" s="1"/>
  <c r="BW41" i="10" s="1"/>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s="1"/>
  <c r="U36" i="10" s="1"/>
  <c r="C36" i="10"/>
  <c r="AM34" i="10" s="1"/>
  <c r="BE34" i="10" l="1"/>
</calcChain>
</file>

<file path=xl/sharedStrings.xml><?xml version="1.0" encoding="utf-8"?>
<sst xmlns="http://schemas.openxmlformats.org/spreadsheetml/2006/main" count="1138" uniqueCount="59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Ⅰ－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奥多摩町</t>
    <phoneticPr fontId="5"/>
  </si>
  <si>
    <t>地方交付税種地</t>
    <rPh sb="0" eb="2">
      <t>チホウ</t>
    </rPh>
    <rPh sb="2" eb="5">
      <t>コウフゼイ</t>
    </rPh>
    <rPh sb="5" eb="6">
      <t>シュ</t>
    </rPh>
    <rPh sb="6" eb="7">
      <t>チ</t>
    </rPh>
    <phoneticPr fontId="5"/>
  </si>
  <si>
    <t>2-2</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9.2</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3.1</t>
    <phoneticPr fontId="5"/>
  </si>
  <si>
    <t>基準財政需要額</t>
    <phoneticPr fontId="25"/>
  </si>
  <si>
    <t>うち日本人(％)</t>
    <phoneticPr fontId="5"/>
  </si>
  <si>
    <t>-3.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奥多摩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t>
    <phoneticPr fontId="5"/>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介護サービス</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奥多摩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都民の森管理運営事業特別会計</t>
    <phoneticPr fontId="5"/>
  </si>
  <si>
    <t>山のふるさと村管理運営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病院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特別会計</t>
    <phoneticPr fontId="5"/>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2.89</t>
  </si>
  <si>
    <t>病院事業会計</t>
  </si>
  <si>
    <t>一般会計</t>
  </si>
  <si>
    <t>介護保険特別会計</t>
  </si>
  <si>
    <t>国民健康保険特別会計</t>
  </si>
  <si>
    <t>都民の森管理運営事業特別会計</t>
  </si>
  <si>
    <t>後期高齢者医療特別会計</t>
  </si>
  <si>
    <t>下水道事業特別会計</t>
  </si>
  <si>
    <t>山のふるさと村管理運営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東京市町村総合事務組合（一般会計）</t>
    <rPh sb="0" eb="11">
      <t>トウキョウシチョウソンソウゴウジムクミアイ</t>
    </rPh>
    <rPh sb="12" eb="16">
      <t>イッパンカイケイ</t>
    </rPh>
    <phoneticPr fontId="2"/>
  </si>
  <si>
    <t>東京市町村総合事務組合（交通災害共済事業特別会計）</t>
    <rPh sb="0" eb="11">
      <t>トウキョウシチョウソンソウゴウジムクミアイ</t>
    </rPh>
    <rPh sb="12" eb="24">
      <t>コウツウサイガイキョウサイジギョウトクベツカイケイ</t>
    </rPh>
    <phoneticPr fontId="2"/>
  </si>
  <si>
    <t>東京都市町村職員退職手当組合</t>
    <rPh sb="0" eb="14">
      <t>トウキョウトシチョウソンショクインタイショクテアテクミアイ</t>
    </rPh>
    <phoneticPr fontId="2"/>
  </si>
  <si>
    <t>東京都市町村議会議員公務災害補償等組合</t>
    <rPh sb="0" eb="3">
      <t>トウキョウト</t>
    </rPh>
    <rPh sb="3" eb="6">
      <t>シチョウソン</t>
    </rPh>
    <rPh sb="6" eb="8">
      <t>ギカイ</t>
    </rPh>
    <rPh sb="8" eb="10">
      <t>ギイン</t>
    </rPh>
    <rPh sb="10" eb="12">
      <t>コウム</t>
    </rPh>
    <rPh sb="12" eb="14">
      <t>サイガイ</t>
    </rPh>
    <rPh sb="14" eb="16">
      <t>ホショウ</t>
    </rPh>
    <rPh sb="16" eb="17">
      <t>ナド</t>
    </rPh>
    <rPh sb="17" eb="19">
      <t>クミアイ</t>
    </rPh>
    <phoneticPr fontId="2"/>
  </si>
  <si>
    <t>東京都後期高齢者医療広域連合（一般会計）</t>
    <rPh sb="0" eb="14">
      <t>トウキョウトコウキコウレイシャイリョウコウイキレンゴウ</t>
    </rPh>
    <rPh sb="15" eb="19">
      <t>イッパンカイケイ</t>
    </rPh>
    <phoneticPr fontId="2"/>
  </si>
  <si>
    <t>東京都後期高齢者医療広域連合（特別会計）</t>
    <rPh sb="0" eb="14">
      <t>トウキョウトコウキコウレイシャイリョウコウイキレンゴウ</t>
    </rPh>
    <rPh sb="15" eb="19">
      <t>トクベツカイケイ</t>
    </rPh>
    <phoneticPr fontId="2"/>
  </si>
  <si>
    <t>西秋川衛生組合</t>
    <rPh sb="0" eb="7">
      <t>ニシアキガワエイセイクミアイ</t>
    </rPh>
    <phoneticPr fontId="2"/>
  </si>
  <si>
    <t>秋川流域斎場組合</t>
    <rPh sb="0" eb="8">
      <t>アキガワリュウイキサイジョウクミアイ</t>
    </rPh>
    <phoneticPr fontId="2"/>
  </si>
  <si>
    <t>奥多摩総合開発</t>
    <rPh sb="0" eb="7">
      <t>オクタマソウゴウカイハツ</t>
    </rPh>
    <phoneticPr fontId="2"/>
  </si>
  <si>
    <t>おくたま地域振興財団</t>
    <rPh sb="4" eb="6">
      <t>チイキ</t>
    </rPh>
    <rPh sb="6" eb="8">
      <t>シンコウ</t>
    </rPh>
    <rPh sb="8" eb="10">
      <t>ザイダン</t>
    </rPh>
    <phoneticPr fontId="2"/>
  </si>
  <si>
    <t>小河内振興財団</t>
    <rPh sb="0" eb="7">
      <t>オゴウチシンコウザイダン</t>
    </rPh>
    <phoneticPr fontId="2"/>
  </si>
  <si>
    <t>S58.4月設立</t>
  </si>
  <si>
    <t>H23.2月設立</t>
  </si>
  <si>
    <t>H24.3月設立</t>
  </si>
  <si>
    <t>公共施設整備基金</t>
    <rPh sb="0" eb="8">
      <t>コウキョウシセツセイビキキン</t>
    </rPh>
    <phoneticPr fontId="2"/>
  </si>
  <si>
    <t>観光施設等整備基金</t>
    <rPh sb="0" eb="9">
      <t>カンコウシセツトウセイビキキン</t>
    </rPh>
    <phoneticPr fontId="2"/>
  </si>
  <si>
    <t>森林環境整備基金</t>
    <rPh sb="0" eb="8">
      <t>シンリンカンキョウセイビキキン</t>
    </rPh>
    <phoneticPr fontId="2"/>
  </si>
  <si>
    <t>教育文化振興基金</t>
    <rPh sb="0" eb="8">
      <t>キョウイクブンカシンコウキキン</t>
    </rPh>
    <phoneticPr fontId="2"/>
  </si>
  <si>
    <t>庁舎建設基金</t>
    <rPh sb="0" eb="6">
      <t>チョウシャケンセツキキ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121449</c:v>
                </c:pt>
                <c:pt idx="1">
                  <c:v>145139</c:v>
                </c:pt>
                <c:pt idx="2">
                  <c:v>332350</c:v>
                </c:pt>
                <c:pt idx="3">
                  <c:v>362690</c:v>
                </c:pt>
                <c:pt idx="4">
                  <c:v>296093</c:v>
                </c:pt>
              </c:numCache>
            </c:numRef>
          </c:val>
          <c:smooth val="0"/>
          <c:extLst>
            <c:ext xmlns:c16="http://schemas.microsoft.com/office/drawing/2014/chart" uri="{C3380CC4-5D6E-409C-BE32-E72D297353CC}">
              <c16:uniqueId val="{00000000-F27F-454C-B267-76E998647FD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47248</c:v>
                </c:pt>
                <c:pt idx="1">
                  <c:v>266730</c:v>
                </c:pt>
                <c:pt idx="2">
                  <c:v>149037</c:v>
                </c:pt>
                <c:pt idx="3">
                  <c:v>153422</c:v>
                </c:pt>
                <c:pt idx="4">
                  <c:v>179003</c:v>
                </c:pt>
              </c:numCache>
            </c:numRef>
          </c:val>
          <c:smooth val="0"/>
          <c:extLst>
            <c:ext xmlns:c16="http://schemas.microsoft.com/office/drawing/2014/chart" uri="{C3380CC4-5D6E-409C-BE32-E72D297353CC}">
              <c16:uniqueId val="{00000001-F27F-454C-B267-76E998647FDD}"/>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4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36</c:v>
                </c:pt>
                <c:pt idx="1">
                  <c:v>7.53</c:v>
                </c:pt>
                <c:pt idx="2">
                  <c:v>9.3000000000000007</c:v>
                </c:pt>
                <c:pt idx="3">
                  <c:v>13.75</c:v>
                </c:pt>
                <c:pt idx="4">
                  <c:v>8.58</c:v>
                </c:pt>
              </c:numCache>
            </c:numRef>
          </c:val>
          <c:extLst>
            <c:ext xmlns:c16="http://schemas.microsoft.com/office/drawing/2014/chart" uri="{C3380CC4-5D6E-409C-BE32-E72D297353CC}">
              <c16:uniqueId val="{00000000-5BF3-4ED4-8911-6F9E731E760C}"/>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55.48</c:v>
                </c:pt>
                <c:pt idx="1">
                  <c:v>57.85</c:v>
                </c:pt>
                <c:pt idx="2">
                  <c:v>59.74</c:v>
                </c:pt>
                <c:pt idx="3">
                  <c:v>60.58</c:v>
                </c:pt>
                <c:pt idx="4">
                  <c:v>65.040000000000006</c:v>
                </c:pt>
              </c:numCache>
            </c:numRef>
          </c:val>
          <c:extLst>
            <c:ext xmlns:c16="http://schemas.microsoft.com/office/drawing/2014/chart" uri="{C3380CC4-5D6E-409C-BE32-E72D297353CC}">
              <c16:uniqueId val="{00000001-5BF3-4ED4-8911-6F9E731E760C}"/>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2.88</c:v>
                </c:pt>
                <c:pt idx="1">
                  <c:v>4.2699999999999996</c:v>
                </c:pt>
                <c:pt idx="2">
                  <c:v>6.87</c:v>
                </c:pt>
                <c:pt idx="3">
                  <c:v>9.9600000000000009</c:v>
                </c:pt>
                <c:pt idx="4">
                  <c:v>-2.89</c:v>
                </c:pt>
              </c:numCache>
            </c:numRef>
          </c:val>
          <c:smooth val="0"/>
          <c:extLst>
            <c:ext xmlns:c16="http://schemas.microsoft.com/office/drawing/2014/chart" uri="{C3380CC4-5D6E-409C-BE32-E72D297353CC}">
              <c16:uniqueId val="{00000002-5BF3-4ED4-8911-6F9E731E760C}"/>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5B8C-4440-B2C3-E2C55C9E01A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5B8C-4440-B2C3-E2C55C9E01AF}"/>
            </c:ext>
          </c:extLst>
        </c:ser>
        <c:ser>
          <c:idx val="2"/>
          <c:order val="2"/>
          <c:tx>
            <c:strRef>
              <c:f>データシート!$A$29</c:f>
              <c:strCache>
                <c:ptCount val="1"/>
                <c:pt idx="0">
                  <c:v>山のふるさと村管理運営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14000000000000001</c:v>
                </c:pt>
                <c:pt idx="2">
                  <c:v>#N/A</c:v>
                </c:pt>
                <c:pt idx="3">
                  <c:v>0.06</c:v>
                </c:pt>
                <c:pt idx="4">
                  <c:v>#N/A</c:v>
                </c:pt>
                <c:pt idx="5">
                  <c:v>0.08</c:v>
                </c:pt>
                <c:pt idx="6">
                  <c:v>#N/A</c:v>
                </c:pt>
                <c:pt idx="7">
                  <c:v>0.01</c:v>
                </c:pt>
                <c:pt idx="8">
                  <c:v>#N/A</c:v>
                </c:pt>
                <c:pt idx="9">
                  <c:v>0</c:v>
                </c:pt>
              </c:numCache>
            </c:numRef>
          </c:val>
          <c:extLst>
            <c:ext xmlns:c16="http://schemas.microsoft.com/office/drawing/2014/chart" uri="{C3380CC4-5D6E-409C-BE32-E72D297353CC}">
              <c16:uniqueId val="{00000002-5B8C-4440-B2C3-E2C55C9E01AF}"/>
            </c:ext>
          </c:extLst>
        </c:ser>
        <c:ser>
          <c:idx val="3"/>
          <c:order val="3"/>
          <c:tx>
            <c:strRef>
              <c:f>データシート!$A$30</c:f>
              <c:strCache>
                <c:ptCount val="1"/>
                <c:pt idx="0">
                  <c:v>下水道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5B8C-4440-B2C3-E2C55C9E01AF}"/>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37</c:v>
                </c:pt>
                <c:pt idx="2">
                  <c:v>#N/A</c:v>
                </c:pt>
                <c:pt idx="3">
                  <c:v>0.22</c:v>
                </c:pt>
                <c:pt idx="4">
                  <c:v>#N/A</c:v>
                </c:pt>
                <c:pt idx="5">
                  <c:v>0.22</c:v>
                </c:pt>
                <c:pt idx="6">
                  <c:v>#N/A</c:v>
                </c:pt>
                <c:pt idx="7">
                  <c:v>0.2</c:v>
                </c:pt>
                <c:pt idx="8">
                  <c:v>#N/A</c:v>
                </c:pt>
                <c:pt idx="9">
                  <c:v>0.23</c:v>
                </c:pt>
              </c:numCache>
            </c:numRef>
          </c:val>
          <c:extLst>
            <c:ext xmlns:c16="http://schemas.microsoft.com/office/drawing/2014/chart" uri="{C3380CC4-5D6E-409C-BE32-E72D297353CC}">
              <c16:uniqueId val="{00000004-5B8C-4440-B2C3-E2C55C9E01AF}"/>
            </c:ext>
          </c:extLst>
        </c:ser>
        <c:ser>
          <c:idx val="5"/>
          <c:order val="5"/>
          <c:tx>
            <c:strRef>
              <c:f>データシート!$A$32</c:f>
              <c:strCache>
                <c:ptCount val="1"/>
                <c:pt idx="0">
                  <c:v>都民の森管理運営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15</c:v>
                </c:pt>
                <c:pt idx="2">
                  <c:v>#N/A</c:v>
                </c:pt>
                <c:pt idx="3">
                  <c:v>0.2</c:v>
                </c:pt>
                <c:pt idx="4">
                  <c:v>#N/A</c:v>
                </c:pt>
                <c:pt idx="5">
                  <c:v>0.2</c:v>
                </c:pt>
                <c:pt idx="6">
                  <c:v>#N/A</c:v>
                </c:pt>
                <c:pt idx="7">
                  <c:v>0.27</c:v>
                </c:pt>
                <c:pt idx="8">
                  <c:v>#N/A</c:v>
                </c:pt>
                <c:pt idx="9">
                  <c:v>0.56999999999999995</c:v>
                </c:pt>
              </c:numCache>
            </c:numRef>
          </c:val>
          <c:extLst>
            <c:ext xmlns:c16="http://schemas.microsoft.com/office/drawing/2014/chart" uri="{C3380CC4-5D6E-409C-BE32-E72D297353CC}">
              <c16:uniqueId val="{00000005-5B8C-4440-B2C3-E2C55C9E01AF}"/>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86</c:v>
                </c:pt>
                <c:pt idx="2">
                  <c:v>#N/A</c:v>
                </c:pt>
                <c:pt idx="3">
                  <c:v>0.7</c:v>
                </c:pt>
                <c:pt idx="4">
                  <c:v>#N/A</c:v>
                </c:pt>
                <c:pt idx="5">
                  <c:v>1.04</c:v>
                </c:pt>
                <c:pt idx="6">
                  <c:v>#N/A</c:v>
                </c:pt>
                <c:pt idx="7">
                  <c:v>1.05</c:v>
                </c:pt>
                <c:pt idx="8">
                  <c:v>#N/A</c:v>
                </c:pt>
                <c:pt idx="9">
                  <c:v>1.01</c:v>
                </c:pt>
              </c:numCache>
            </c:numRef>
          </c:val>
          <c:extLst>
            <c:ext xmlns:c16="http://schemas.microsoft.com/office/drawing/2014/chart" uri="{C3380CC4-5D6E-409C-BE32-E72D297353CC}">
              <c16:uniqueId val="{00000006-5B8C-4440-B2C3-E2C55C9E01AF}"/>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61</c:v>
                </c:pt>
                <c:pt idx="2">
                  <c:v>#N/A</c:v>
                </c:pt>
                <c:pt idx="3">
                  <c:v>0.62</c:v>
                </c:pt>
                <c:pt idx="4">
                  <c:v>#N/A</c:v>
                </c:pt>
                <c:pt idx="5">
                  <c:v>0.56999999999999995</c:v>
                </c:pt>
                <c:pt idx="6">
                  <c:v>#N/A</c:v>
                </c:pt>
                <c:pt idx="7">
                  <c:v>1.41</c:v>
                </c:pt>
                <c:pt idx="8">
                  <c:v>#N/A</c:v>
                </c:pt>
                <c:pt idx="9">
                  <c:v>1.94</c:v>
                </c:pt>
              </c:numCache>
            </c:numRef>
          </c:val>
          <c:extLst>
            <c:ext xmlns:c16="http://schemas.microsoft.com/office/drawing/2014/chart" uri="{C3380CC4-5D6E-409C-BE32-E72D297353CC}">
              <c16:uniqueId val="{00000007-5B8C-4440-B2C3-E2C55C9E01AF}"/>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6.06</c:v>
                </c:pt>
                <c:pt idx="2">
                  <c:v>#N/A</c:v>
                </c:pt>
                <c:pt idx="3">
                  <c:v>7.26</c:v>
                </c:pt>
                <c:pt idx="4">
                  <c:v>#N/A</c:v>
                </c:pt>
                <c:pt idx="5">
                  <c:v>9</c:v>
                </c:pt>
                <c:pt idx="6">
                  <c:v>#N/A</c:v>
                </c:pt>
                <c:pt idx="7">
                  <c:v>13.45</c:v>
                </c:pt>
                <c:pt idx="8">
                  <c:v>#N/A</c:v>
                </c:pt>
                <c:pt idx="9">
                  <c:v>8</c:v>
                </c:pt>
              </c:numCache>
            </c:numRef>
          </c:val>
          <c:extLst>
            <c:ext xmlns:c16="http://schemas.microsoft.com/office/drawing/2014/chart" uri="{C3380CC4-5D6E-409C-BE32-E72D297353CC}">
              <c16:uniqueId val="{00000008-5B8C-4440-B2C3-E2C55C9E01AF}"/>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1.17</c:v>
                </c:pt>
                <c:pt idx="2">
                  <c:v>#N/A</c:v>
                </c:pt>
                <c:pt idx="3">
                  <c:v>11.79</c:v>
                </c:pt>
                <c:pt idx="4">
                  <c:v>#N/A</c:v>
                </c:pt>
                <c:pt idx="5">
                  <c:v>13.54</c:v>
                </c:pt>
                <c:pt idx="6">
                  <c:v>#N/A</c:v>
                </c:pt>
                <c:pt idx="7">
                  <c:v>13.42</c:v>
                </c:pt>
                <c:pt idx="8">
                  <c:v>#N/A</c:v>
                </c:pt>
                <c:pt idx="9">
                  <c:v>14.42</c:v>
                </c:pt>
              </c:numCache>
            </c:numRef>
          </c:val>
          <c:extLst>
            <c:ext xmlns:c16="http://schemas.microsoft.com/office/drawing/2014/chart" uri="{C3380CC4-5D6E-409C-BE32-E72D297353CC}">
              <c16:uniqueId val="{00000009-5B8C-4440-B2C3-E2C55C9E01A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425</c:v>
                </c:pt>
                <c:pt idx="5">
                  <c:v>429</c:v>
                </c:pt>
                <c:pt idx="8">
                  <c:v>424</c:v>
                </c:pt>
                <c:pt idx="11">
                  <c:v>416</c:v>
                </c:pt>
                <c:pt idx="14">
                  <c:v>399</c:v>
                </c:pt>
              </c:numCache>
            </c:numRef>
          </c:val>
          <c:extLst>
            <c:ext xmlns:c16="http://schemas.microsoft.com/office/drawing/2014/chart" uri="{C3380CC4-5D6E-409C-BE32-E72D297353CC}">
              <c16:uniqueId val="{00000000-2A31-4655-A288-3992CA826FD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2A31-4655-A288-3992CA826FD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2A31-4655-A288-3992CA826FD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33</c:v>
                </c:pt>
                <c:pt idx="3">
                  <c:v>31</c:v>
                </c:pt>
                <c:pt idx="6">
                  <c:v>31</c:v>
                </c:pt>
                <c:pt idx="9">
                  <c:v>35</c:v>
                </c:pt>
                <c:pt idx="12">
                  <c:v>38</c:v>
                </c:pt>
              </c:numCache>
            </c:numRef>
          </c:val>
          <c:extLst>
            <c:ext xmlns:c16="http://schemas.microsoft.com/office/drawing/2014/chart" uri="{C3380CC4-5D6E-409C-BE32-E72D297353CC}">
              <c16:uniqueId val="{00000003-2A31-4655-A288-3992CA826FD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16</c:v>
                </c:pt>
                <c:pt idx="3">
                  <c:v>346</c:v>
                </c:pt>
                <c:pt idx="6">
                  <c:v>350</c:v>
                </c:pt>
                <c:pt idx="9">
                  <c:v>352</c:v>
                </c:pt>
                <c:pt idx="12">
                  <c:v>335</c:v>
                </c:pt>
              </c:numCache>
            </c:numRef>
          </c:val>
          <c:extLst>
            <c:ext xmlns:c16="http://schemas.microsoft.com/office/drawing/2014/chart" uri="{C3380CC4-5D6E-409C-BE32-E72D297353CC}">
              <c16:uniqueId val="{00000004-2A31-4655-A288-3992CA826FD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A31-4655-A288-3992CA826FD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2A31-4655-A288-3992CA826FD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16</c:v>
                </c:pt>
                <c:pt idx="3">
                  <c:v>215</c:v>
                </c:pt>
                <c:pt idx="6">
                  <c:v>211</c:v>
                </c:pt>
                <c:pt idx="9">
                  <c:v>212</c:v>
                </c:pt>
                <c:pt idx="12">
                  <c:v>208</c:v>
                </c:pt>
              </c:numCache>
            </c:numRef>
          </c:val>
          <c:extLst>
            <c:ext xmlns:c16="http://schemas.microsoft.com/office/drawing/2014/chart" uri="{C3380CC4-5D6E-409C-BE32-E72D297353CC}">
              <c16:uniqueId val="{00000007-2A31-4655-A288-3992CA826FD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40</c:v>
                </c:pt>
                <c:pt idx="2">
                  <c:v>#N/A</c:v>
                </c:pt>
                <c:pt idx="3">
                  <c:v>#N/A</c:v>
                </c:pt>
                <c:pt idx="4">
                  <c:v>163</c:v>
                </c:pt>
                <c:pt idx="5">
                  <c:v>#N/A</c:v>
                </c:pt>
                <c:pt idx="6">
                  <c:v>#N/A</c:v>
                </c:pt>
                <c:pt idx="7">
                  <c:v>168</c:v>
                </c:pt>
                <c:pt idx="8">
                  <c:v>#N/A</c:v>
                </c:pt>
                <c:pt idx="9">
                  <c:v>#N/A</c:v>
                </c:pt>
                <c:pt idx="10">
                  <c:v>183</c:v>
                </c:pt>
                <c:pt idx="11">
                  <c:v>#N/A</c:v>
                </c:pt>
                <c:pt idx="12">
                  <c:v>#N/A</c:v>
                </c:pt>
                <c:pt idx="13">
                  <c:v>182</c:v>
                </c:pt>
                <c:pt idx="14">
                  <c:v>#N/A</c:v>
                </c:pt>
              </c:numCache>
            </c:numRef>
          </c:val>
          <c:smooth val="0"/>
          <c:extLst>
            <c:ext xmlns:c16="http://schemas.microsoft.com/office/drawing/2014/chart" uri="{C3380CC4-5D6E-409C-BE32-E72D297353CC}">
              <c16:uniqueId val="{00000008-2A31-4655-A288-3992CA826FD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4255</c:v>
                </c:pt>
                <c:pt idx="5">
                  <c:v>3942</c:v>
                </c:pt>
                <c:pt idx="8">
                  <c:v>3627</c:v>
                </c:pt>
                <c:pt idx="11">
                  <c:v>3318</c:v>
                </c:pt>
                <c:pt idx="14">
                  <c:v>2975</c:v>
                </c:pt>
              </c:numCache>
            </c:numRef>
          </c:val>
          <c:extLst>
            <c:ext xmlns:c16="http://schemas.microsoft.com/office/drawing/2014/chart" uri="{C3380CC4-5D6E-409C-BE32-E72D297353CC}">
              <c16:uniqueId val="{00000000-3D1F-4D78-9CCD-EE74B9D1FE0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40</c:v>
                </c:pt>
                <c:pt idx="5">
                  <c:v>22</c:v>
                </c:pt>
                <c:pt idx="8">
                  <c:v>11</c:v>
                </c:pt>
                <c:pt idx="11">
                  <c:v>5</c:v>
                </c:pt>
                <c:pt idx="14">
                  <c:v>4</c:v>
                </c:pt>
              </c:numCache>
            </c:numRef>
          </c:val>
          <c:extLst>
            <c:ext xmlns:c16="http://schemas.microsoft.com/office/drawing/2014/chart" uri="{C3380CC4-5D6E-409C-BE32-E72D297353CC}">
              <c16:uniqueId val="{00000001-3D1F-4D78-9CCD-EE74B9D1FE0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4586</c:v>
                </c:pt>
                <c:pt idx="5">
                  <c:v>4625</c:v>
                </c:pt>
                <c:pt idx="8">
                  <c:v>5111</c:v>
                </c:pt>
                <c:pt idx="11">
                  <c:v>5831</c:v>
                </c:pt>
                <c:pt idx="14">
                  <c:v>6548</c:v>
                </c:pt>
              </c:numCache>
            </c:numRef>
          </c:val>
          <c:extLst>
            <c:ext xmlns:c16="http://schemas.microsoft.com/office/drawing/2014/chart" uri="{C3380CC4-5D6E-409C-BE32-E72D297353CC}">
              <c16:uniqueId val="{00000002-3D1F-4D78-9CCD-EE74B9D1FE0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D1F-4D78-9CCD-EE74B9D1FE0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D1F-4D78-9CCD-EE74B9D1FE0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D1F-4D78-9CCD-EE74B9D1FE0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269</c:v>
                </c:pt>
                <c:pt idx="3">
                  <c:v>1256</c:v>
                </c:pt>
                <c:pt idx="6">
                  <c:v>1224</c:v>
                </c:pt>
                <c:pt idx="9">
                  <c:v>1234</c:v>
                </c:pt>
                <c:pt idx="12">
                  <c:v>1237</c:v>
                </c:pt>
              </c:numCache>
            </c:numRef>
          </c:val>
          <c:extLst>
            <c:ext xmlns:c16="http://schemas.microsoft.com/office/drawing/2014/chart" uri="{C3380CC4-5D6E-409C-BE32-E72D297353CC}">
              <c16:uniqueId val="{00000006-3D1F-4D78-9CCD-EE74B9D1FE0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457</c:v>
                </c:pt>
                <c:pt idx="3">
                  <c:v>398</c:v>
                </c:pt>
                <c:pt idx="6">
                  <c:v>342</c:v>
                </c:pt>
                <c:pt idx="9">
                  <c:v>297</c:v>
                </c:pt>
                <c:pt idx="12">
                  <c:v>263</c:v>
                </c:pt>
              </c:numCache>
            </c:numRef>
          </c:val>
          <c:extLst>
            <c:ext xmlns:c16="http://schemas.microsoft.com/office/drawing/2014/chart" uri="{C3380CC4-5D6E-409C-BE32-E72D297353CC}">
              <c16:uniqueId val="{00000007-3D1F-4D78-9CCD-EE74B9D1FE0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3654</c:v>
                </c:pt>
                <c:pt idx="3">
                  <c:v>3427</c:v>
                </c:pt>
                <c:pt idx="6">
                  <c:v>3130</c:v>
                </c:pt>
                <c:pt idx="9">
                  <c:v>2868</c:v>
                </c:pt>
                <c:pt idx="12">
                  <c:v>2610</c:v>
                </c:pt>
              </c:numCache>
            </c:numRef>
          </c:val>
          <c:extLst>
            <c:ext xmlns:c16="http://schemas.microsoft.com/office/drawing/2014/chart" uri="{C3380CC4-5D6E-409C-BE32-E72D297353CC}">
              <c16:uniqueId val="{00000008-3D1F-4D78-9CCD-EE74B9D1FE0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3D1F-4D78-9CCD-EE74B9D1FE0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186</c:v>
                </c:pt>
                <c:pt idx="3">
                  <c:v>2074</c:v>
                </c:pt>
                <c:pt idx="6">
                  <c:v>1965</c:v>
                </c:pt>
                <c:pt idx="9">
                  <c:v>1828</c:v>
                </c:pt>
                <c:pt idx="12">
                  <c:v>1653</c:v>
                </c:pt>
              </c:numCache>
            </c:numRef>
          </c:val>
          <c:extLst>
            <c:ext xmlns:c16="http://schemas.microsoft.com/office/drawing/2014/chart" uri="{C3380CC4-5D6E-409C-BE32-E72D297353CC}">
              <c16:uniqueId val="{0000000A-3D1F-4D78-9CCD-EE74B9D1FE0F}"/>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3D1F-4D78-9CCD-EE74B9D1FE0F}"/>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621</c:v>
                </c:pt>
                <c:pt idx="1">
                  <c:v>1764</c:v>
                </c:pt>
                <c:pt idx="2">
                  <c:v>1839</c:v>
                </c:pt>
              </c:numCache>
            </c:numRef>
          </c:val>
          <c:extLst>
            <c:ext xmlns:c16="http://schemas.microsoft.com/office/drawing/2014/chart" uri="{C3380CC4-5D6E-409C-BE32-E72D297353CC}">
              <c16:uniqueId val="{00000000-D342-46A7-81FC-09F64752900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100</c:v>
                </c:pt>
                <c:pt idx="1">
                  <c:v>1212</c:v>
                </c:pt>
                <c:pt idx="2">
                  <c:v>1273</c:v>
                </c:pt>
              </c:numCache>
            </c:numRef>
          </c:val>
          <c:extLst>
            <c:ext xmlns:c16="http://schemas.microsoft.com/office/drawing/2014/chart" uri="{C3380CC4-5D6E-409C-BE32-E72D297353CC}">
              <c16:uniqueId val="{00000001-D342-46A7-81FC-09F64752900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259</c:v>
                </c:pt>
                <c:pt idx="1">
                  <c:v>2674</c:v>
                </c:pt>
                <c:pt idx="2">
                  <c:v>3230</c:v>
                </c:pt>
              </c:numCache>
            </c:numRef>
          </c:val>
          <c:extLst>
            <c:ext xmlns:c16="http://schemas.microsoft.com/office/drawing/2014/chart" uri="{C3380CC4-5D6E-409C-BE32-E72D297353CC}">
              <c16:uniqueId val="{00000002-D342-46A7-81FC-09F647529001}"/>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奥多摩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は前年度同様</a:t>
          </a:r>
          <a:r>
            <a:rPr kumimoji="1" lang="en-US" altLang="ja-JP" sz="1400">
              <a:latin typeface="ＭＳ ゴシック" pitchFamily="49" charset="-128"/>
              <a:ea typeface="ＭＳ ゴシック" pitchFamily="49" charset="-128"/>
            </a:rPr>
            <a:t>7.3</a:t>
          </a:r>
          <a:r>
            <a:rPr kumimoji="1" lang="ja-JP" altLang="en-US" sz="1400">
              <a:latin typeface="ＭＳ ゴシック" pitchFamily="49" charset="-128"/>
              <a:ea typeface="ＭＳ ゴシック" pitchFamily="49" charset="-128"/>
            </a:rPr>
            <a:t>％となった。</a:t>
          </a:r>
        </a:p>
        <a:p>
          <a:r>
            <a:rPr kumimoji="1" lang="ja-JP" altLang="en-US" sz="1400">
              <a:latin typeface="ＭＳ ゴシック" pitchFamily="49" charset="-128"/>
              <a:ea typeface="ＭＳ ゴシック" pitchFamily="49" charset="-128"/>
            </a:rPr>
            <a:t>　下水道整備に伴う起債の償還ピークは令和</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年度だ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億円を超える償還が令和</a:t>
          </a:r>
          <a:r>
            <a:rPr kumimoji="1" lang="en-US" altLang="ja-JP" sz="1400">
              <a:latin typeface="ＭＳ ゴシック" pitchFamily="49" charset="-128"/>
              <a:ea typeface="ＭＳ ゴシック" pitchFamily="49" charset="-128"/>
            </a:rPr>
            <a:t>5</a:t>
          </a:r>
          <a:r>
            <a:rPr kumimoji="1" lang="ja-JP" altLang="en-US" sz="1400">
              <a:latin typeface="ＭＳ ゴシック" pitchFamily="49" charset="-128"/>
              <a:ea typeface="ＭＳ ゴシック" pitchFamily="49" charset="-128"/>
            </a:rPr>
            <a:t>年度まで続くため、引き続き起債の新規発行を抑制し、現在の水準を維持していく。</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a:t>
          </a:r>
          <a:r>
            <a:rPr kumimoji="1" lang="ja-JP" altLang="en-US" sz="1400">
              <a:latin typeface="ＭＳ ゴシック" pitchFamily="49" charset="-128"/>
              <a:ea typeface="ＭＳ ゴシック" pitchFamily="49" charset="-128"/>
            </a:rPr>
            <a:t>満期一括償還地方債の活用実績がない。</a:t>
          </a:r>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奥多摩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普通会計における地方債現在高や公営企業債等繰入見込額が減少傾向にあること及び充当可能基金が増加傾向にあることから、将来負担比率は低下した。</a:t>
          </a:r>
        </a:p>
        <a:p>
          <a:r>
            <a:rPr kumimoji="1" lang="ja-JP" altLang="en-US" sz="1400">
              <a:latin typeface="ＭＳ ゴシック" pitchFamily="49" charset="-128"/>
              <a:ea typeface="ＭＳ ゴシック" pitchFamily="49" charset="-128"/>
            </a:rPr>
            <a:t>　今後、下水道事業に係る起債の</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億円を超える償還が令和</a:t>
          </a:r>
          <a:r>
            <a:rPr kumimoji="1" lang="en-US" altLang="ja-JP" sz="1400">
              <a:latin typeface="ＭＳ ゴシック" pitchFamily="49" charset="-128"/>
              <a:ea typeface="ＭＳ ゴシック" pitchFamily="49" charset="-128"/>
            </a:rPr>
            <a:t>5</a:t>
          </a:r>
          <a:r>
            <a:rPr kumimoji="1" lang="ja-JP" altLang="en-US" sz="1400">
              <a:latin typeface="ＭＳ ゴシック" pitchFamily="49" charset="-128"/>
              <a:ea typeface="ＭＳ ゴシック" pitchFamily="49" charset="-128"/>
            </a:rPr>
            <a:t>年度まで続くこと、庁舎をはじめとする老朽化した公共、公用施設の更新に基金から多額の取り崩しを予定していることなどに留意していく必要があるが、引き続き健全な財政運営に努め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奥多摩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方交付税の増加や歳出における不用額が高額となったことなどから、取り崩しは、財政調整基金から１億２千万円の取り崩しをおこなったものの、取崩総額は、１億２千３百万円に留まった。一方、庁舎の建設費の財源として積み立てを行っている庁舎建設基金に４億円、地方財政法第７条の規定及び今後の財政需要の備えとして財政調整基金へ１億９千６百万円、下水道事業の整備に伴う今後の償還への備えとして減債基金へ６千１百万円を積み立てたことなどにより、基金全体としては６億９千３百万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現在、順調に積み立てができているため基金残高は増加しているが、庁舎をはじめとする公共・公用施設の更新に多額の費用が見込まれ、その財源として特定目的基金の取り崩しを予定していること、下水道事業の起債の償還が令和２年度をピークに令和５年度まで３億円を超える償還が続き、その財源として減債基金を取り崩していくこと、少子高齢化の進行、人口減少に伴い町税の減少傾向が続く見込みであり、その財源不足分については財政調整基金から取り崩しを行わざるを得ないことなどから、中長期的には減少傾向にあると考えられ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庁舎建設基金：庁舎の建設資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観光施設等整備基金：観光及び農林水産施設の整備又は運営等</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森林環境整備基金：森林環境の整備及び木材の利活用促進等</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教育文化振興基金：教育文化活動の奨励振興</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庁舎建設基金は、積立方針等に基づく増加。公共施設整備基金は、農林水産施設使用料や貸地料を積み立てたことによる増加。観光施設等整備基金は、観光施設使用料を積み立てたことによる増加。森林環境整備基金は、森林環境譲与税を当該年度事業において活用した残額を積み立てたことによる増加。教育文化振興基金は、指定寄付金を積み立てたことによる増加。</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引き続き、経常的収入である施設使用料や貸地料などを毎年度積み立てていく方針だが、公共・公用施設の更新時期を迎え、今後、多額の更新費用が見込まれるため、公共施設整備基金、観光施設等整備基金の取り崩しを予定していること、後年度に予定している庁舎の建設に伴い庁舎建設基金の取り崩しが見込まれることなどから、特定目的基金は減少していく見込みで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歳出の財源調整として１億２千万円の取り崩しを行ったが、地方財政法第７条の規定及び今後の財政需要の備えとして積み立てを行い、７千６百万円の積立額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見込まれる公共・公用施設の更新や少子高齢化対策などの財源を確保するため、継続して積み立てを行う方針だが、国都財源に大きく依存する財政状況にあることや人口減少に伴い町税の減少傾向が続く見込みであることから、財源不足が生じた場合は財政調整基金から取り崩しを行わざるを得ないため、中長期的には減少していく見込みで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２年度をピークに令和５年度まで３億円を超える償還が続く下水道事業に係る起債の償還への備えとして積み立てたことによる増加。</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下水道整備に伴う起債の償還に充てるため積み立てを行ってきたが、令和５年度まで３億円を超える償還が続くため、減少していく見込み。この償還は令和２７年度まで続くため、毎年度の財政状況に応じて計画的に運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奥多摩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746
4,685
225.53
7,652,031
7,356,246
242,755
2,828,157
1,651,2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基準財政収入額（分子）が、地方消費税交付金交付額の増等により増となったが、基準財政需要額（分母）についても包括算定経費、人口減少等特別対策事業費等が増となったことにより、指数は</a:t>
          </a:r>
          <a:r>
            <a:rPr kumimoji="1" lang="en-US" altLang="ja-JP" sz="1300">
              <a:latin typeface="ＭＳ Ｐゴシック" panose="020B0600070205080204" pitchFamily="50" charset="-128"/>
              <a:ea typeface="ＭＳ Ｐゴシック" panose="020B0600070205080204" pitchFamily="50" charset="-128"/>
            </a:rPr>
            <a:t>0.01</a:t>
          </a:r>
          <a:r>
            <a:rPr kumimoji="1" lang="ja-JP" altLang="en-US" sz="1300">
              <a:latin typeface="ＭＳ Ｐゴシック" panose="020B0600070205080204" pitchFamily="50" charset="-128"/>
              <a:ea typeface="ＭＳ Ｐゴシック" panose="020B0600070205080204" pitchFamily="50" charset="-128"/>
            </a:rPr>
            <a:t>ポイントの低下となった。人口減少や高齢化（人口：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末</a:t>
          </a:r>
          <a:r>
            <a:rPr kumimoji="1" lang="en-US" altLang="ja-JP" sz="1300">
              <a:latin typeface="ＭＳ Ｐゴシック" panose="020B0600070205080204" pitchFamily="50" charset="-128"/>
              <a:ea typeface="ＭＳ Ｐゴシック" panose="020B0600070205080204" pitchFamily="50" charset="-128"/>
            </a:rPr>
            <a:t>4,862</a:t>
          </a:r>
          <a:r>
            <a:rPr kumimoji="1" lang="ja-JP" altLang="en-US" sz="1300">
              <a:latin typeface="ＭＳ Ｐゴシック" panose="020B0600070205080204" pitchFamily="50" charset="-128"/>
              <a:ea typeface="ＭＳ Ｐゴシック" panose="020B0600070205080204" pitchFamily="50" charset="-128"/>
            </a:rPr>
            <a:t>人⇒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末</a:t>
          </a:r>
          <a:r>
            <a:rPr kumimoji="1" lang="en-US" altLang="ja-JP" sz="1300">
              <a:latin typeface="ＭＳ Ｐゴシック" panose="020B0600070205080204" pitchFamily="50" charset="-128"/>
              <a:ea typeface="ＭＳ Ｐゴシック" panose="020B0600070205080204" pitchFamily="50" charset="-128"/>
            </a:rPr>
            <a:t>4,717</a:t>
          </a:r>
          <a:r>
            <a:rPr kumimoji="1" lang="ja-JP" altLang="en-US" sz="1300">
              <a:latin typeface="ＭＳ Ｐゴシック" panose="020B0600070205080204" pitchFamily="50" charset="-128"/>
              <a:ea typeface="ＭＳ Ｐゴシック" panose="020B0600070205080204" pitchFamily="50" charset="-128"/>
            </a:rPr>
            <a:t>人、△</a:t>
          </a:r>
          <a:r>
            <a:rPr kumimoji="1" lang="en-US" altLang="ja-JP" sz="1300">
              <a:latin typeface="ＭＳ Ｐゴシック" panose="020B0600070205080204" pitchFamily="50" charset="-128"/>
              <a:ea typeface="ＭＳ Ｐゴシック" panose="020B0600070205080204" pitchFamily="50" charset="-128"/>
            </a:rPr>
            <a:t>145</a:t>
          </a:r>
          <a:r>
            <a:rPr kumimoji="1" lang="ja-JP" altLang="en-US" sz="1300">
              <a:latin typeface="ＭＳ Ｐゴシック" panose="020B0600070205080204" pitchFamily="50" charset="-128"/>
              <a:ea typeface="ＭＳ Ｐゴシック" panose="020B0600070205080204" pitchFamily="50" charset="-128"/>
            </a:rPr>
            <a:t>人）により今後も町税については漸減の見込みであるため、経常経費の削減等、歳出削減に努め、財政の健全化を図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3955</xdr:rowOff>
    </xdr:from>
    <xdr:to>
      <xdr:col>23</xdr:col>
      <xdr:colOff>133350</xdr:colOff>
      <xdr:row>45</xdr:row>
      <xdr:rowOff>62593</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514850" y="6001355"/>
          <a:ext cx="0" cy="16050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4584700" y="7578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425950" y="76063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48882</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4584700" y="5748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3955</xdr:rowOff>
    </xdr:from>
    <xdr:to>
      <xdr:col>24</xdr:col>
      <xdr:colOff>12700</xdr:colOff>
      <xdr:row>35</xdr:row>
      <xdr:rowOff>133955</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425950" y="60013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3</xdr:row>
      <xdr:rowOff>152702</xdr:rowOff>
    </xdr:from>
    <xdr:to>
      <xdr:col>23</xdr:col>
      <xdr:colOff>133350</xdr:colOff>
      <xdr:row>43</xdr:row>
      <xdr:rowOff>164193</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3752850" y="7361222"/>
          <a:ext cx="762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4292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4584700" y="73514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70845</xdr:rowOff>
    </xdr:from>
    <xdr:to>
      <xdr:col>23</xdr:col>
      <xdr:colOff>184150</xdr:colOff>
      <xdr:row>44</xdr:row>
      <xdr:rowOff>10099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464050" y="73793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3</xdr:row>
      <xdr:rowOff>141212</xdr:rowOff>
    </xdr:from>
    <xdr:to>
      <xdr:col>19</xdr:col>
      <xdr:colOff>133350</xdr:colOff>
      <xdr:row>43</xdr:row>
      <xdr:rowOff>152702</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2940050" y="7349732"/>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59355</xdr:rowOff>
    </xdr:from>
    <xdr:to>
      <xdr:col>19</xdr:col>
      <xdr:colOff>184150</xdr:colOff>
      <xdr:row>44</xdr:row>
      <xdr:rowOff>89505</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3702050" y="73678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74282</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409950" y="74504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3</xdr:row>
      <xdr:rowOff>129722</xdr:rowOff>
    </xdr:from>
    <xdr:to>
      <xdr:col>15</xdr:col>
      <xdr:colOff>82550</xdr:colOff>
      <xdr:row>43</xdr:row>
      <xdr:rowOff>141212</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127250" y="7338242"/>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2889250" y="73563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62792</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597150" y="7438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3</xdr:row>
      <xdr:rowOff>118231</xdr:rowOff>
    </xdr:from>
    <xdr:to>
      <xdr:col>11</xdr:col>
      <xdr:colOff>31750</xdr:colOff>
      <xdr:row>43</xdr:row>
      <xdr:rowOff>129722</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333500" y="7326751"/>
          <a:ext cx="79375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23976</xdr:rowOff>
    </xdr:from>
    <xdr:to>
      <xdr:col>11</xdr:col>
      <xdr:colOff>82550</xdr:colOff>
      <xdr:row>43</xdr:row>
      <xdr:rowOff>54126</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095500" y="7164856"/>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64303</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784350" y="6937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46957</xdr:rowOff>
    </xdr:from>
    <xdr:to>
      <xdr:col>7</xdr:col>
      <xdr:colOff>31750</xdr:colOff>
      <xdr:row>43</xdr:row>
      <xdr:rowOff>77107</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282700" y="71878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7284</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971550" y="6960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13393</xdr:rowOff>
    </xdr:from>
    <xdr:to>
      <xdr:col>23</xdr:col>
      <xdr:colOff>184150</xdr:colOff>
      <xdr:row>44</xdr:row>
      <xdr:rowOff>43543</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464050" y="732191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2</xdr:row>
      <xdr:rowOff>129920</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4584700" y="7170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01902</xdr:rowOff>
    </xdr:from>
    <xdr:to>
      <xdr:col>19</xdr:col>
      <xdr:colOff>184150</xdr:colOff>
      <xdr:row>44</xdr:row>
      <xdr:rowOff>32052</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3702050" y="731042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42229</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409950" y="70831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90412</xdr:rowOff>
    </xdr:from>
    <xdr:to>
      <xdr:col>15</xdr:col>
      <xdr:colOff>133350</xdr:colOff>
      <xdr:row>44</xdr:row>
      <xdr:rowOff>20562</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2889250" y="72989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30739</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597150" y="7071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78922</xdr:rowOff>
    </xdr:from>
    <xdr:to>
      <xdr:col>11</xdr:col>
      <xdr:colOff>82550</xdr:colOff>
      <xdr:row>44</xdr:row>
      <xdr:rowOff>9072</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095500" y="728744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65299</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784350" y="7373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67431</xdr:rowOff>
    </xdr:from>
    <xdr:to>
      <xdr:col>7</xdr:col>
      <xdr:colOff>31750</xdr:colOff>
      <xdr:row>43</xdr:row>
      <xdr:rowOff>169031</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282700" y="727595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53808</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971550" y="7362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経常経費充当一般財源等）は、人件費が</a:t>
          </a:r>
          <a:r>
            <a:rPr kumimoji="1" lang="en-US" altLang="ja-JP" sz="1300">
              <a:latin typeface="ＭＳ Ｐゴシック" panose="020B0600070205080204" pitchFamily="50" charset="-128"/>
              <a:ea typeface="ＭＳ Ｐゴシック" panose="020B0600070205080204" pitchFamily="50" charset="-128"/>
            </a:rPr>
            <a:t>46,029</a:t>
          </a:r>
          <a:r>
            <a:rPr kumimoji="1" lang="ja-JP" altLang="en-US" sz="1300">
              <a:latin typeface="ＭＳ Ｐゴシック" panose="020B0600070205080204" pitchFamily="50" charset="-128"/>
              <a:ea typeface="ＭＳ Ｐゴシック" panose="020B0600070205080204" pitchFamily="50" charset="-128"/>
            </a:rPr>
            <a:t>千円増、扶助費が</a:t>
          </a:r>
          <a:r>
            <a:rPr kumimoji="1" lang="en-US" altLang="ja-JP" sz="1300">
              <a:latin typeface="ＭＳ Ｐゴシック" panose="020B0600070205080204" pitchFamily="50" charset="-128"/>
              <a:ea typeface="ＭＳ Ｐゴシック" panose="020B0600070205080204" pitchFamily="50" charset="-128"/>
            </a:rPr>
            <a:t>26,982</a:t>
          </a:r>
          <a:r>
            <a:rPr kumimoji="1" lang="ja-JP" altLang="en-US" sz="1300">
              <a:latin typeface="ＭＳ Ｐゴシック" panose="020B0600070205080204" pitchFamily="50" charset="-128"/>
              <a:ea typeface="ＭＳ Ｐゴシック" panose="020B0600070205080204" pitchFamily="50" charset="-128"/>
            </a:rPr>
            <a:t>千円増となったが、操出金が</a:t>
          </a:r>
          <a:r>
            <a:rPr kumimoji="1" lang="en-US" altLang="ja-JP" sz="1300">
              <a:latin typeface="ＭＳ Ｐゴシック" panose="020B0600070205080204" pitchFamily="50" charset="-128"/>
              <a:ea typeface="ＭＳ Ｐゴシック" panose="020B0600070205080204" pitchFamily="50" charset="-128"/>
            </a:rPr>
            <a:t>105,388</a:t>
          </a:r>
          <a:r>
            <a:rPr kumimoji="1" lang="ja-JP" altLang="en-US" sz="1300">
              <a:latin typeface="ＭＳ Ｐゴシック" panose="020B0600070205080204" pitchFamily="50" charset="-128"/>
              <a:ea typeface="ＭＳ Ｐゴシック" panose="020B0600070205080204" pitchFamily="50" charset="-128"/>
            </a:rPr>
            <a:t>千円減、物件費が</a:t>
          </a:r>
          <a:r>
            <a:rPr kumimoji="1" lang="en-US" altLang="ja-JP" sz="1300">
              <a:latin typeface="ＭＳ Ｐゴシック" panose="020B0600070205080204" pitchFamily="50" charset="-128"/>
              <a:ea typeface="ＭＳ Ｐゴシック" panose="020B0600070205080204" pitchFamily="50" charset="-128"/>
            </a:rPr>
            <a:t>7,560</a:t>
          </a:r>
          <a:r>
            <a:rPr kumimoji="1" lang="ja-JP" altLang="en-US" sz="1300">
              <a:latin typeface="ＭＳ Ｐゴシック" panose="020B0600070205080204" pitchFamily="50" charset="-128"/>
              <a:ea typeface="ＭＳ Ｐゴシック" panose="020B0600070205080204" pitchFamily="50" charset="-128"/>
            </a:rPr>
            <a:t>千円減となったことにより、全体では</a:t>
          </a:r>
          <a:r>
            <a:rPr kumimoji="1" lang="en-US" altLang="ja-JP" sz="1300">
              <a:latin typeface="ＭＳ Ｐゴシック" panose="020B0600070205080204" pitchFamily="50" charset="-128"/>
              <a:ea typeface="ＭＳ Ｐゴシック" panose="020B0600070205080204" pitchFamily="50" charset="-128"/>
            </a:rPr>
            <a:t>29,496</a:t>
          </a:r>
          <a:r>
            <a:rPr kumimoji="1" lang="ja-JP" altLang="en-US" sz="1300">
              <a:latin typeface="ＭＳ Ｐゴシック" panose="020B0600070205080204" pitchFamily="50" charset="-128"/>
              <a:ea typeface="ＭＳ Ｐゴシック" panose="020B0600070205080204" pitchFamily="50" charset="-128"/>
            </a:rPr>
            <a:t>千円の減となった。分母（経常一般財源）も、法人事業税交付金が</a:t>
          </a:r>
          <a:r>
            <a:rPr kumimoji="1" lang="en-US" altLang="ja-JP" sz="1300">
              <a:latin typeface="ＭＳ Ｐゴシック" panose="020B0600070205080204" pitchFamily="50" charset="-128"/>
              <a:ea typeface="ＭＳ Ｐゴシック" panose="020B0600070205080204" pitchFamily="50" charset="-128"/>
            </a:rPr>
            <a:t>9,304</a:t>
          </a:r>
          <a:r>
            <a:rPr kumimoji="1" lang="ja-JP" altLang="en-US" sz="1300">
              <a:latin typeface="ＭＳ Ｐゴシック" panose="020B0600070205080204" pitchFamily="50" charset="-128"/>
              <a:ea typeface="ＭＳ Ｐゴシック" panose="020B0600070205080204" pitchFamily="50" charset="-128"/>
            </a:rPr>
            <a:t>千円増、森林環境譲与税が</a:t>
          </a:r>
          <a:r>
            <a:rPr kumimoji="1" lang="en-US" altLang="ja-JP" sz="1300">
              <a:latin typeface="ＭＳ Ｐゴシック" panose="020B0600070205080204" pitchFamily="50" charset="-128"/>
              <a:ea typeface="ＭＳ Ｐゴシック" panose="020B0600070205080204" pitchFamily="50" charset="-128"/>
            </a:rPr>
            <a:t>8,480</a:t>
          </a:r>
          <a:r>
            <a:rPr kumimoji="1" lang="ja-JP" altLang="en-US" sz="1300">
              <a:latin typeface="ＭＳ Ｐゴシック" panose="020B0600070205080204" pitchFamily="50" charset="-128"/>
              <a:ea typeface="ＭＳ Ｐゴシック" panose="020B0600070205080204" pitchFamily="50" charset="-128"/>
            </a:rPr>
            <a:t>千円増となったが、普通交付税が</a:t>
          </a:r>
          <a:r>
            <a:rPr kumimoji="1" lang="en-US" altLang="ja-JP" sz="1300">
              <a:latin typeface="ＭＳ Ｐゴシック" panose="020B0600070205080204" pitchFamily="50" charset="-128"/>
              <a:ea typeface="ＭＳ Ｐゴシック" panose="020B0600070205080204" pitchFamily="50" charset="-128"/>
            </a:rPr>
            <a:t>41,574</a:t>
          </a:r>
          <a:r>
            <a:rPr kumimoji="1" lang="ja-JP" altLang="en-US" sz="1300">
              <a:latin typeface="ＭＳ Ｐゴシック" panose="020B0600070205080204" pitchFamily="50" charset="-128"/>
              <a:ea typeface="ＭＳ Ｐゴシック" panose="020B0600070205080204" pitchFamily="50" charset="-128"/>
            </a:rPr>
            <a:t>千円減、地方債が</a:t>
          </a:r>
          <a:r>
            <a:rPr kumimoji="1" lang="en-US" altLang="ja-JP" sz="1300">
              <a:latin typeface="ＭＳ Ｐゴシック" panose="020B0600070205080204" pitchFamily="50" charset="-128"/>
              <a:ea typeface="ＭＳ Ｐゴシック" panose="020B0600070205080204" pitchFamily="50" charset="-128"/>
            </a:rPr>
            <a:t>40,209</a:t>
          </a:r>
          <a:r>
            <a:rPr kumimoji="1" lang="ja-JP" altLang="en-US" sz="1300">
              <a:latin typeface="ＭＳ Ｐゴシック" panose="020B0600070205080204" pitchFamily="50" charset="-128"/>
              <a:ea typeface="ＭＳ Ｐゴシック" panose="020B0600070205080204" pitchFamily="50" charset="-128"/>
            </a:rPr>
            <a:t>千円減となったことにより、全体で</a:t>
          </a:r>
          <a:r>
            <a:rPr kumimoji="1" lang="en-US" altLang="ja-JP" sz="1300">
              <a:latin typeface="ＭＳ Ｐゴシック" panose="020B0600070205080204" pitchFamily="50" charset="-128"/>
              <a:ea typeface="ＭＳ Ｐゴシック" panose="020B0600070205080204" pitchFamily="50" charset="-128"/>
            </a:rPr>
            <a:t>60,135</a:t>
          </a:r>
          <a:r>
            <a:rPr kumimoji="1" lang="ja-JP" altLang="en-US" sz="1300">
              <a:latin typeface="ＭＳ Ｐゴシック" panose="020B0600070205080204" pitchFamily="50" charset="-128"/>
              <a:ea typeface="ＭＳ Ｐゴシック" panose="020B0600070205080204" pitchFamily="50" charset="-128"/>
            </a:rPr>
            <a:t>千円の減となり、経常収支比率は前年度比で</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加した。今後も事務事業の見直し等を行いながら、経常経費の削減に努め、現在の水準を維持していく。</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33223</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514850" y="9954895"/>
          <a:ext cx="0" cy="12425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5300</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4584700" y="11169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3223</xdr:rowOff>
    </xdr:from>
    <xdr:to>
      <xdr:col>24</xdr:col>
      <xdr:colOff>12700</xdr:colOff>
      <xdr:row>66</xdr:row>
      <xdr:rowOff>133223</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425950" y="111974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4584700" y="9705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425950" y="99548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51562</xdr:rowOff>
    </xdr:from>
    <xdr:to>
      <xdr:col>23</xdr:col>
      <xdr:colOff>133350</xdr:colOff>
      <xdr:row>63</xdr:row>
      <xdr:rowOff>61214</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3752850" y="10612882"/>
          <a:ext cx="762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54754</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4584700" y="107837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2677</xdr:rowOff>
    </xdr:from>
    <xdr:to>
      <xdr:col>23</xdr:col>
      <xdr:colOff>184150</xdr:colOff>
      <xdr:row>65</xdr:row>
      <xdr:rowOff>12827</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464050" y="108116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51562</xdr:rowOff>
    </xdr:from>
    <xdr:to>
      <xdr:col>19</xdr:col>
      <xdr:colOff>133350</xdr:colOff>
      <xdr:row>63</xdr:row>
      <xdr:rowOff>58801</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2940050" y="10612882"/>
          <a:ext cx="8128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5461</xdr:rowOff>
    </xdr:from>
    <xdr:to>
      <xdr:col>19</xdr:col>
      <xdr:colOff>184150</xdr:colOff>
      <xdr:row>64</xdr:row>
      <xdr:rowOff>107061</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3702050" y="10734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91838</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409950" y="10820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58801</xdr:rowOff>
    </xdr:from>
    <xdr:to>
      <xdr:col>15</xdr:col>
      <xdr:colOff>82550</xdr:colOff>
      <xdr:row>63</xdr:row>
      <xdr:rowOff>97409</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2127250" y="10620121"/>
          <a:ext cx="8128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38176</xdr:rowOff>
    </xdr:from>
    <xdr:to>
      <xdr:col>15</xdr:col>
      <xdr:colOff>133350</xdr:colOff>
      <xdr:row>65</xdr:row>
      <xdr:rowOff>68326</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2889250" y="108671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53103</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597150" y="10949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97409</xdr:rowOff>
    </xdr:from>
    <xdr:to>
      <xdr:col>11</xdr:col>
      <xdr:colOff>31750</xdr:colOff>
      <xdr:row>63</xdr:row>
      <xdr:rowOff>160147</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1333500" y="10658729"/>
          <a:ext cx="793750" cy="62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111506</xdr:rowOff>
    </xdr:from>
    <xdr:to>
      <xdr:col>11</xdr:col>
      <xdr:colOff>82550</xdr:colOff>
      <xdr:row>66</xdr:row>
      <xdr:rowOff>41656</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095500" y="11008106"/>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26433</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784350" y="11090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01854</xdr:rowOff>
    </xdr:from>
    <xdr:to>
      <xdr:col>7</xdr:col>
      <xdr:colOff>31750</xdr:colOff>
      <xdr:row>66</xdr:row>
      <xdr:rowOff>32004</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282700" y="1099845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6781</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971550" y="11081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0414</xdr:rowOff>
    </xdr:from>
    <xdr:to>
      <xdr:col>23</xdr:col>
      <xdr:colOff>184150</xdr:colOff>
      <xdr:row>63</xdr:row>
      <xdr:rowOff>112014</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464050" y="10571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26941</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4584700" y="10420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762</xdr:rowOff>
    </xdr:from>
    <xdr:to>
      <xdr:col>19</xdr:col>
      <xdr:colOff>184150</xdr:colOff>
      <xdr:row>63</xdr:row>
      <xdr:rowOff>102362</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3702050" y="10562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12539</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409950" y="103385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8001</xdr:rowOff>
    </xdr:from>
    <xdr:to>
      <xdr:col>15</xdr:col>
      <xdr:colOff>133350</xdr:colOff>
      <xdr:row>63</xdr:row>
      <xdr:rowOff>109601</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2889250" y="10569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19778</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597150" y="10345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46609</xdr:rowOff>
    </xdr:from>
    <xdr:to>
      <xdr:col>11</xdr:col>
      <xdr:colOff>82550</xdr:colOff>
      <xdr:row>63</xdr:row>
      <xdr:rowOff>148209</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095500" y="1060792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58386</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784350" y="10384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9347</xdr:rowOff>
    </xdr:from>
    <xdr:to>
      <xdr:col>7</xdr:col>
      <xdr:colOff>31750</xdr:colOff>
      <xdr:row>64</xdr:row>
      <xdr:rowOff>39497</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282700" y="1067066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9674</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971550" y="10443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72,8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物件費及び維持補修費の合計額の</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決算額増の主な要因は、新型コロナウイルスワクチン集団接種に係る人件費及び物件費の増や町税などの基幹系システムの更新による物件費の増である。この他、例年、当町は、観光、農林水産施設などの公共施設の管理運営に多額の費用がかかること、また、シカの食害等に係る有害鳥獣捕獲事業委託、森林再生（間伐）事業委託等に係る経費により類似団体より物件費が高くなっている。　</a:t>
          </a:r>
        </a:p>
        <a:p>
          <a:r>
            <a:rPr kumimoji="1" lang="ja-JP" altLang="en-US" sz="1300">
              <a:latin typeface="ＭＳ Ｐゴシック" panose="020B0600070205080204" pitchFamily="50" charset="-128"/>
              <a:ea typeface="ＭＳ Ｐゴシック" panose="020B0600070205080204" pitchFamily="50" charset="-128"/>
            </a:rPr>
            <a:t>　また、人口１人当たりの額が大きい要因として、人口減少も影響している。</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048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048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048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048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3813</xdr:rowOff>
    </xdr:from>
    <xdr:to>
      <xdr:col>23</xdr:col>
      <xdr:colOff>133350</xdr:colOff>
      <xdr:row>89</xdr:row>
      <xdr:rowOff>99197</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514850" y="13692653"/>
          <a:ext cx="0" cy="13265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1274</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4584700" y="1499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9197</xdr:rowOff>
    </xdr:from>
    <xdr:to>
      <xdr:col>24</xdr:col>
      <xdr:colOff>12700</xdr:colOff>
      <xdr:row>89</xdr:row>
      <xdr:rowOff>99197</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425950" y="150191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8740</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4584700" y="1343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3813</xdr:rowOff>
    </xdr:from>
    <xdr:to>
      <xdr:col>24</xdr:col>
      <xdr:colOff>12700</xdr:colOff>
      <xdr:row>81</xdr:row>
      <xdr:rowOff>113813</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425950" y="136926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91596</xdr:rowOff>
    </xdr:from>
    <xdr:to>
      <xdr:col>23</xdr:col>
      <xdr:colOff>133350</xdr:colOff>
      <xdr:row>82</xdr:row>
      <xdr:rowOff>98645</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3752850" y="13838076"/>
          <a:ext cx="762000" cy="7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55768</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4584700" y="136346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39241</xdr:rowOff>
    </xdr:from>
    <xdr:to>
      <xdr:col>23</xdr:col>
      <xdr:colOff>184150</xdr:colOff>
      <xdr:row>82</xdr:row>
      <xdr:rowOff>140841</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464050" y="1378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80952</xdr:rowOff>
    </xdr:from>
    <xdr:to>
      <xdr:col>19</xdr:col>
      <xdr:colOff>133350</xdr:colOff>
      <xdr:row>82</xdr:row>
      <xdr:rowOff>91596</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2940050" y="13827432"/>
          <a:ext cx="812800" cy="10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5249</xdr:rowOff>
    </xdr:from>
    <xdr:to>
      <xdr:col>19</xdr:col>
      <xdr:colOff>184150</xdr:colOff>
      <xdr:row>82</xdr:row>
      <xdr:rowOff>11684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3702050" y="13761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27026</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409950" y="135382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69289</xdr:rowOff>
    </xdr:from>
    <xdr:to>
      <xdr:col>15</xdr:col>
      <xdr:colOff>82550</xdr:colOff>
      <xdr:row>82</xdr:row>
      <xdr:rowOff>80952</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127250" y="13815769"/>
          <a:ext cx="812800" cy="11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20131</xdr:rowOff>
    </xdr:from>
    <xdr:to>
      <xdr:col>15</xdr:col>
      <xdr:colOff>133350</xdr:colOff>
      <xdr:row>82</xdr:row>
      <xdr:rowOff>121731</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2889250" y="13766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1908</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597150" y="13543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44031</xdr:rowOff>
    </xdr:from>
    <xdr:to>
      <xdr:col>11</xdr:col>
      <xdr:colOff>31750</xdr:colOff>
      <xdr:row>82</xdr:row>
      <xdr:rowOff>69289</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333500" y="13790511"/>
          <a:ext cx="793750" cy="25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2108</xdr:rowOff>
    </xdr:from>
    <xdr:to>
      <xdr:col>11</xdr:col>
      <xdr:colOff>82550</xdr:colOff>
      <xdr:row>81</xdr:row>
      <xdr:rowOff>163708</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095500" y="1364094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2435</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784350" y="134136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58517</xdr:rowOff>
    </xdr:from>
    <xdr:to>
      <xdr:col>7</xdr:col>
      <xdr:colOff>31750</xdr:colOff>
      <xdr:row>81</xdr:row>
      <xdr:rowOff>160117</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282700" y="1363735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70294</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971550" y="13413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47845</xdr:rowOff>
    </xdr:from>
    <xdr:to>
      <xdr:col>23</xdr:col>
      <xdr:colOff>184150</xdr:colOff>
      <xdr:row>82</xdr:row>
      <xdr:rowOff>149445</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464050" y="13794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9922</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4584700" y="13766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40796</xdr:rowOff>
    </xdr:from>
    <xdr:to>
      <xdr:col>19</xdr:col>
      <xdr:colOff>184150</xdr:colOff>
      <xdr:row>82</xdr:row>
      <xdr:rowOff>142396</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3702050" y="13787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27173</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409950" y="13873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30152</xdr:rowOff>
    </xdr:from>
    <xdr:to>
      <xdr:col>15</xdr:col>
      <xdr:colOff>133350</xdr:colOff>
      <xdr:row>82</xdr:row>
      <xdr:rowOff>131752</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2889250" y="13776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16529</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597150" y="13863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8489</xdr:rowOff>
    </xdr:from>
    <xdr:to>
      <xdr:col>11</xdr:col>
      <xdr:colOff>82550</xdr:colOff>
      <xdr:row>82</xdr:row>
      <xdr:rowOff>120089</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095500" y="1376496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04866</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784350" y="13851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64681</xdr:rowOff>
    </xdr:from>
    <xdr:to>
      <xdr:col>7</xdr:col>
      <xdr:colOff>31750</xdr:colOff>
      <xdr:row>82</xdr:row>
      <xdr:rowOff>94831</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282700" y="1374352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79608</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971550" y="13826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ラスパイレス指数について、昇格時号給対応表導入に伴う、経過措置を行ったことにより</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となった。全国町村平均値、類似団体平均値より高くなっているため、今後も一層給与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14300</xdr:rowOff>
    </xdr:from>
    <xdr:to>
      <xdr:col>81</xdr:col>
      <xdr:colOff>44450</xdr:colOff>
      <xdr:row>90</xdr:row>
      <xdr:rowOff>75354</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5474950" y="13693140"/>
          <a:ext cx="0" cy="14698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7431</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5563850" y="15135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5354</xdr:rowOff>
    </xdr:from>
    <xdr:to>
      <xdr:col>81</xdr:col>
      <xdr:colOff>133350</xdr:colOff>
      <xdr:row>90</xdr:row>
      <xdr:rowOff>75354</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5405100" y="1516295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29227</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5563850" y="1344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14300</xdr:rowOff>
    </xdr:from>
    <xdr:to>
      <xdr:col>81</xdr:col>
      <xdr:colOff>133350</xdr:colOff>
      <xdr:row>81</xdr:row>
      <xdr:rowOff>1143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5405100" y="136931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72389</xdr:rowOff>
    </xdr:from>
    <xdr:to>
      <xdr:col>81</xdr:col>
      <xdr:colOff>44450</xdr:colOff>
      <xdr:row>88</xdr:row>
      <xdr:rowOff>88477</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4712950" y="14824709"/>
          <a:ext cx="762000" cy="16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6527</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5563850" y="144335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0</xdr:rowOff>
    </xdr:from>
    <xdr:to>
      <xdr:col>81</xdr:col>
      <xdr:colOff>95250</xdr:colOff>
      <xdr:row>87</xdr:row>
      <xdr:rowOff>101600</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5427960" y="1458468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72389</xdr:rowOff>
    </xdr:from>
    <xdr:to>
      <xdr:col>77</xdr:col>
      <xdr:colOff>44450</xdr:colOff>
      <xdr:row>88</xdr:row>
      <xdr:rowOff>96520</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3903960" y="14824709"/>
          <a:ext cx="80899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8043</xdr:rowOff>
    </xdr:from>
    <xdr:to>
      <xdr:col>77</xdr:col>
      <xdr:colOff>95250</xdr:colOff>
      <xdr:row>87</xdr:row>
      <xdr:rowOff>109643</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4665960" y="14592723"/>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19820</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4370050" y="14369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0</xdr:rowOff>
    </xdr:from>
    <xdr:to>
      <xdr:col>72</xdr:col>
      <xdr:colOff>203200</xdr:colOff>
      <xdr:row>88</xdr:row>
      <xdr:rowOff>96520</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3106400" y="14752320"/>
          <a:ext cx="79756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56304</xdr:rowOff>
    </xdr:from>
    <xdr:to>
      <xdr:col>73</xdr:col>
      <xdr:colOff>44450</xdr:colOff>
      <xdr:row>87</xdr:row>
      <xdr:rowOff>157904</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3868400" y="1464098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68081</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3557250" y="14417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63407</xdr:rowOff>
    </xdr:from>
    <xdr:to>
      <xdr:col>68</xdr:col>
      <xdr:colOff>152400</xdr:colOff>
      <xdr:row>88</xdr:row>
      <xdr:rowOff>0</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2293600" y="14748087"/>
          <a:ext cx="812800" cy="4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32173</xdr:rowOff>
    </xdr:from>
    <xdr:to>
      <xdr:col>68</xdr:col>
      <xdr:colOff>203200</xdr:colOff>
      <xdr:row>87</xdr:row>
      <xdr:rowOff>133773</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3055600" y="14616853"/>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43950</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2763500" y="14393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32173</xdr:rowOff>
    </xdr:from>
    <xdr:to>
      <xdr:col>64</xdr:col>
      <xdr:colOff>152400</xdr:colOff>
      <xdr:row>87</xdr:row>
      <xdr:rowOff>133773</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2242800" y="14616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43950</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1950700" y="14393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37677</xdr:rowOff>
    </xdr:from>
    <xdr:to>
      <xdr:col>81</xdr:col>
      <xdr:colOff>95250</xdr:colOff>
      <xdr:row>88</xdr:row>
      <xdr:rowOff>139277</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5427960" y="1478999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9754</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5563850" y="14762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21589</xdr:rowOff>
    </xdr:from>
    <xdr:to>
      <xdr:col>77</xdr:col>
      <xdr:colOff>95250</xdr:colOff>
      <xdr:row>88</xdr:row>
      <xdr:rowOff>123189</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4665960" y="1477390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07966</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4370050" y="148602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45720</xdr:rowOff>
    </xdr:from>
    <xdr:to>
      <xdr:col>73</xdr:col>
      <xdr:colOff>44450</xdr:colOff>
      <xdr:row>88</xdr:row>
      <xdr:rowOff>147320</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3868400" y="147980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3209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3557250" y="1488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20650</xdr:rowOff>
    </xdr:from>
    <xdr:to>
      <xdr:col>68</xdr:col>
      <xdr:colOff>203200</xdr:colOff>
      <xdr:row>88</xdr:row>
      <xdr:rowOff>5080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3055600" y="1470533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2763500" y="14787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12607</xdr:rowOff>
    </xdr:from>
    <xdr:to>
      <xdr:col>64</xdr:col>
      <xdr:colOff>152400</xdr:colOff>
      <xdr:row>88</xdr:row>
      <xdr:rowOff>42757</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2242800" y="1469728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27534</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1950700" y="14779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8.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から職員数に大きな増減はないため、過疎化に伴う人口減少が数値を押し上げている要因と考えられる。</a:t>
          </a:r>
        </a:p>
        <a:p>
          <a:r>
            <a:rPr kumimoji="1" lang="ja-JP" altLang="en-US" sz="1300">
              <a:latin typeface="ＭＳ Ｐゴシック" panose="020B0600070205080204" pitchFamily="50" charset="-128"/>
              <a:ea typeface="ＭＳ Ｐゴシック" panose="020B0600070205080204" pitchFamily="50" charset="-128"/>
            </a:rPr>
            <a:t>　定員管理については、今後も定員管理計画に基づき、適正な定員管理に努める。</a:t>
          </a: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9" name="定員管理の状況グラフ枠">
          <a:extLst>
            <a:ext uri="{FF2B5EF4-FFF2-40B4-BE49-F238E27FC236}">
              <a16:creationId xmlns:a16="http://schemas.microsoft.com/office/drawing/2014/main" id="{00000000-0008-0000-0300-000035010000}"/>
            </a:ext>
          </a:extLst>
        </xdr:cNvPr>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1318</xdr:rowOff>
    </xdr:from>
    <xdr:to>
      <xdr:col>81</xdr:col>
      <xdr:colOff>44450</xdr:colOff>
      <xdr:row>67</xdr:row>
      <xdr:rowOff>99448</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flipV="1">
          <a:off x="15474950" y="9884438"/>
          <a:ext cx="0" cy="14468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525</xdr:rowOff>
    </xdr:from>
    <xdr:ext cx="762000" cy="259045"/>
    <xdr:sp macro="" textlink="">
      <xdr:nvSpPr>
        <xdr:cNvPr id="311" name="定員管理の状況最小値テキスト">
          <a:extLst>
            <a:ext uri="{FF2B5EF4-FFF2-40B4-BE49-F238E27FC236}">
              <a16:creationId xmlns:a16="http://schemas.microsoft.com/office/drawing/2014/main" id="{00000000-0008-0000-0300-000037010000}"/>
            </a:ext>
          </a:extLst>
        </xdr:cNvPr>
        <xdr:cNvSpPr txBox="1"/>
      </xdr:nvSpPr>
      <xdr:spPr>
        <a:xfrm>
          <a:off x="15563850" y="11303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9448</xdr:rowOff>
    </xdr:from>
    <xdr:to>
      <xdr:col>81</xdr:col>
      <xdr:colOff>133350</xdr:colOff>
      <xdr:row>67</xdr:row>
      <xdr:rowOff>99448</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5405100" y="113313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6245</xdr:rowOff>
    </xdr:from>
    <xdr:ext cx="762000" cy="259045"/>
    <xdr:sp macro="" textlink="">
      <xdr:nvSpPr>
        <xdr:cNvPr id="313" name="定員管理の状況最大値テキスト">
          <a:extLst>
            <a:ext uri="{FF2B5EF4-FFF2-40B4-BE49-F238E27FC236}">
              <a16:creationId xmlns:a16="http://schemas.microsoft.com/office/drawing/2014/main" id="{00000000-0008-0000-0300-000039010000}"/>
            </a:ext>
          </a:extLst>
        </xdr:cNvPr>
        <xdr:cNvSpPr txBox="1"/>
      </xdr:nvSpPr>
      <xdr:spPr>
        <a:xfrm>
          <a:off x="15563850" y="9631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1318</xdr:rowOff>
    </xdr:from>
    <xdr:to>
      <xdr:col>81</xdr:col>
      <xdr:colOff>133350</xdr:colOff>
      <xdr:row>58</xdr:row>
      <xdr:rowOff>161318</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5405100" y="98844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21510</xdr:rowOff>
    </xdr:from>
    <xdr:to>
      <xdr:col>81</xdr:col>
      <xdr:colOff>44450</xdr:colOff>
      <xdr:row>59</xdr:row>
      <xdr:rowOff>129286</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a:off x="14712950" y="10012270"/>
          <a:ext cx="762000" cy="7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32471</xdr:rowOff>
    </xdr:from>
    <xdr:ext cx="762000" cy="259045"/>
    <xdr:sp macro="" textlink="">
      <xdr:nvSpPr>
        <xdr:cNvPr id="316" name="定員管理の状況平均値テキスト">
          <a:extLst>
            <a:ext uri="{FF2B5EF4-FFF2-40B4-BE49-F238E27FC236}">
              <a16:creationId xmlns:a16="http://schemas.microsoft.com/office/drawing/2014/main" id="{00000000-0008-0000-0300-00003C010000}"/>
            </a:ext>
          </a:extLst>
        </xdr:cNvPr>
        <xdr:cNvSpPr txBox="1"/>
      </xdr:nvSpPr>
      <xdr:spPr>
        <a:xfrm>
          <a:off x="15563850" y="10023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60394</xdr:rowOff>
    </xdr:from>
    <xdr:to>
      <xdr:col>81</xdr:col>
      <xdr:colOff>95250</xdr:colOff>
      <xdr:row>60</xdr:row>
      <xdr:rowOff>90544</xdr:rowOff>
    </xdr:to>
    <xdr:sp macro="" textlink="">
      <xdr:nvSpPr>
        <xdr:cNvPr id="317" name="フローチャート: 判断 316">
          <a:extLst>
            <a:ext uri="{FF2B5EF4-FFF2-40B4-BE49-F238E27FC236}">
              <a16:creationId xmlns:a16="http://schemas.microsoft.com/office/drawing/2014/main" id="{00000000-0008-0000-0300-00003D010000}"/>
            </a:ext>
          </a:extLst>
        </xdr:cNvPr>
        <xdr:cNvSpPr/>
      </xdr:nvSpPr>
      <xdr:spPr>
        <a:xfrm>
          <a:off x="15427960" y="1005115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16818</xdr:rowOff>
    </xdr:from>
    <xdr:to>
      <xdr:col>77</xdr:col>
      <xdr:colOff>44450</xdr:colOff>
      <xdr:row>59</xdr:row>
      <xdr:rowOff>121510</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3903960" y="10007578"/>
          <a:ext cx="808990" cy="4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989</xdr:rowOff>
    </xdr:from>
    <xdr:to>
      <xdr:col>77</xdr:col>
      <xdr:colOff>95250</xdr:colOff>
      <xdr:row>60</xdr:row>
      <xdr:rowOff>77139</xdr:rowOff>
    </xdr:to>
    <xdr:sp macro="" textlink="">
      <xdr:nvSpPr>
        <xdr:cNvPr id="319" name="フローチャート: 判断 318">
          <a:extLst>
            <a:ext uri="{FF2B5EF4-FFF2-40B4-BE49-F238E27FC236}">
              <a16:creationId xmlns:a16="http://schemas.microsoft.com/office/drawing/2014/main" id="{00000000-0008-0000-0300-00003F010000}"/>
            </a:ext>
          </a:extLst>
        </xdr:cNvPr>
        <xdr:cNvSpPr/>
      </xdr:nvSpPr>
      <xdr:spPr>
        <a:xfrm>
          <a:off x="14665960" y="1003774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1916</xdr:rowOff>
    </xdr:from>
    <xdr:ext cx="736600" cy="259045"/>
    <xdr:sp macro="" textlink="">
      <xdr:nvSpPr>
        <xdr:cNvPr id="320" name="テキスト ボックス 319">
          <a:extLst>
            <a:ext uri="{FF2B5EF4-FFF2-40B4-BE49-F238E27FC236}">
              <a16:creationId xmlns:a16="http://schemas.microsoft.com/office/drawing/2014/main" id="{00000000-0008-0000-0300-000040010000}"/>
            </a:ext>
          </a:extLst>
        </xdr:cNvPr>
        <xdr:cNvSpPr txBox="1"/>
      </xdr:nvSpPr>
      <xdr:spPr>
        <a:xfrm>
          <a:off x="14370050" y="101203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14540</xdr:rowOff>
    </xdr:from>
    <xdr:to>
      <xdr:col>72</xdr:col>
      <xdr:colOff>203200</xdr:colOff>
      <xdr:row>59</xdr:row>
      <xdr:rowOff>116818</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3106400" y="10005300"/>
          <a:ext cx="797560" cy="2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53557</xdr:rowOff>
    </xdr:from>
    <xdr:to>
      <xdr:col>73</xdr:col>
      <xdr:colOff>44450</xdr:colOff>
      <xdr:row>60</xdr:row>
      <xdr:rowOff>83707</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3868400" y="1004431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8484</xdr:rowOff>
    </xdr:from>
    <xdr:ext cx="762000" cy="259045"/>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3557250" y="10126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05424</xdr:rowOff>
    </xdr:from>
    <xdr:to>
      <xdr:col>68</xdr:col>
      <xdr:colOff>152400</xdr:colOff>
      <xdr:row>59</xdr:row>
      <xdr:rowOff>114540</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2293600" y="9996184"/>
          <a:ext cx="812800" cy="9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9179</xdr:rowOff>
    </xdr:from>
    <xdr:to>
      <xdr:col>68</xdr:col>
      <xdr:colOff>203200</xdr:colOff>
      <xdr:row>59</xdr:row>
      <xdr:rowOff>110779</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3055600" y="989993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20956</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2763500" y="96764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8777</xdr:rowOff>
    </xdr:from>
    <xdr:to>
      <xdr:col>64</xdr:col>
      <xdr:colOff>152400</xdr:colOff>
      <xdr:row>59</xdr:row>
      <xdr:rowOff>110377</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2242800" y="9899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20554</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1950700" y="967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78486</xdr:rowOff>
    </xdr:from>
    <xdr:to>
      <xdr:col>81</xdr:col>
      <xdr:colOff>95250</xdr:colOff>
      <xdr:row>60</xdr:row>
      <xdr:rowOff>8636</xdr:rowOff>
    </xdr:to>
    <xdr:sp macro="" textlink="">
      <xdr:nvSpPr>
        <xdr:cNvPr id="334" name="楕円 333">
          <a:extLst>
            <a:ext uri="{FF2B5EF4-FFF2-40B4-BE49-F238E27FC236}">
              <a16:creationId xmlns:a16="http://schemas.microsoft.com/office/drawing/2014/main" id="{00000000-0008-0000-0300-00004E010000}"/>
            </a:ext>
          </a:extLst>
        </xdr:cNvPr>
        <xdr:cNvSpPr/>
      </xdr:nvSpPr>
      <xdr:spPr>
        <a:xfrm>
          <a:off x="15427960" y="996924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95013</xdr:rowOff>
    </xdr:from>
    <xdr:ext cx="762000" cy="259045"/>
    <xdr:sp macro="" textlink="">
      <xdr:nvSpPr>
        <xdr:cNvPr id="335" name="定員管理の状況該当値テキスト">
          <a:extLst>
            <a:ext uri="{FF2B5EF4-FFF2-40B4-BE49-F238E27FC236}">
              <a16:creationId xmlns:a16="http://schemas.microsoft.com/office/drawing/2014/main" id="{00000000-0008-0000-0300-00004F010000}"/>
            </a:ext>
          </a:extLst>
        </xdr:cNvPr>
        <xdr:cNvSpPr txBox="1"/>
      </xdr:nvSpPr>
      <xdr:spPr>
        <a:xfrm>
          <a:off x="15563850" y="9818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70710</xdr:rowOff>
    </xdr:from>
    <xdr:to>
      <xdr:col>77</xdr:col>
      <xdr:colOff>95250</xdr:colOff>
      <xdr:row>60</xdr:row>
      <xdr:rowOff>860</xdr:rowOff>
    </xdr:to>
    <xdr:sp macro="" textlink="">
      <xdr:nvSpPr>
        <xdr:cNvPr id="336" name="楕円 335">
          <a:extLst>
            <a:ext uri="{FF2B5EF4-FFF2-40B4-BE49-F238E27FC236}">
              <a16:creationId xmlns:a16="http://schemas.microsoft.com/office/drawing/2014/main" id="{00000000-0008-0000-0300-000050010000}"/>
            </a:ext>
          </a:extLst>
        </xdr:cNvPr>
        <xdr:cNvSpPr/>
      </xdr:nvSpPr>
      <xdr:spPr>
        <a:xfrm>
          <a:off x="14665960" y="996147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1037</xdr:rowOff>
    </xdr:from>
    <xdr:ext cx="7366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370050" y="9734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66018</xdr:rowOff>
    </xdr:from>
    <xdr:to>
      <xdr:col>73</xdr:col>
      <xdr:colOff>44450</xdr:colOff>
      <xdr:row>59</xdr:row>
      <xdr:rowOff>167618</xdr:rowOff>
    </xdr:to>
    <xdr:sp macro="" textlink="">
      <xdr:nvSpPr>
        <xdr:cNvPr id="338" name="楕円 337">
          <a:extLst>
            <a:ext uri="{FF2B5EF4-FFF2-40B4-BE49-F238E27FC236}">
              <a16:creationId xmlns:a16="http://schemas.microsoft.com/office/drawing/2014/main" id="{00000000-0008-0000-0300-000052010000}"/>
            </a:ext>
          </a:extLst>
        </xdr:cNvPr>
        <xdr:cNvSpPr/>
      </xdr:nvSpPr>
      <xdr:spPr>
        <a:xfrm>
          <a:off x="13868400" y="995677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6345</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557250" y="9729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63740</xdr:rowOff>
    </xdr:from>
    <xdr:to>
      <xdr:col>68</xdr:col>
      <xdr:colOff>203200</xdr:colOff>
      <xdr:row>59</xdr:row>
      <xdr:rowOff>165340</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3055600" y="9954500"/>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5011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2763500" y="1004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54624</xdr:rowOff>
    </xdr:from>
    <xdr:to>
      <xdr:col>64</xdr:col>
      <xdr:colOff>152400</xdr:colOff>
      <xdr:row>59</xdr:row>
      <xdr:rowOff>156224</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2242800" y="994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41001</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1950700" y="10031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4" name="正方形/長方形 343">
          <a:extLst>
            <a:ext uri="{FF2B5EF4-FFF2-40B4-BE49-F238E27FC236}">
              <a16:creationId xmlns:a16="http://schemas.microsoft.com/office/drawing/2014/main" id="{00000000-0008-0000-0300-000058010000}"/>
            </a:ext>
          </a:extLst>
        </xdr:cNvPr>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8" name="正方形/長方形 347">
          <a:extLst>
            <a:ext uri="{FF2B5EF4-FFF2-40B4-BE49-F238E27FC236}">
              <a16:creationId xmlns:a16="http://schemas.microsoft.com/office/drawing/2014/main" id="{00000000-0008-0000-0300-00005C010000}"/>
            </a:ext>
          </a:extLst>
        </xdr:cNvPr>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6" name="テキスト ボックス 355">
          <a:extLst>
            <a:ext uri="{FF2B5EF4-FFF2-40B4-BE49-F238E27FC236}">
              <a16:creationId xmlns:a16="http://schemas.microsoft.com/office/drawing/2014/main" id="{00000000-0008-0000-0300-000064010000}"/>
            </a:ext>
          </a:extLst>
        </xdr:cNvPr>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起債依存型の事業計画の見直しにより、平成</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年度以降減少に転じ、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からは類似団体平均値を下回ってきたが、下水道事業に係る償還金の増、組合等の償還金に対する負担金の増により、前年度同様の数値となった。下水道事業に係る企業債の本格的な償還が始まっていることや役場本庁舎の建替えをはじめとする老朽化した公共、公用施設の更新に多額の費用が見込まれ、その財源対策として地方債の活用も今後必要となると考えられることから、引き続き健全な財政運営に努める。</a:t>
          </a:r>
        </a:p>
      </xdr:txBody>
    </xdr:sp>
    <xdr:clientData/>
  </xdr:twoCellAnchor>
  <xdr:oneCellAnchor>
    <xdr:from>
      <xdr:col>61</xdr:col>
      <xdr:colOff>6350</xdr:colOff>
      <xdr:row>32</xdr:row>
      <xdr:rowOff>101600</xdr:rowOff>
    </xdr:from>
    <xdr:ext cx="298543" cy="225703"/>
    <xdr:sp macro="" textlink="">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8" name="直線コネクタ 357">
          <a:extLst>
            <a:ext uri="{FF2B5EF4-FFF2-40B4-BE49-F238E27FC236}">
              <a16:creationId xmlns:a16="http://schemas.microsoft.com/office/drawing/2014/main" id="{00000000-0008-0000-0300-000066010000}"/>
            </a:ext>
          </a:extLst>
        </xdr:cNvPr>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0" name="直線コネクタ 359">
          <a:extLst>
            <a:ext uri="{FF2B5EF4-FFF2-40B4-BE49-F238E27FC236}">
              <a16:creationId xmlns:a16="http://schemas.microsoft.com/office/drawing/2014/main" id="{00000000-0008-0000-0300-000068010000}"/>
            </a:ext>
          </a:extLst>
        </xdr:cNvPr>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2" name="直線コネクタ 361">
          <a:extLst>
            <a:ext uri="{FF2B5EF4-FFF2-40B4-BE49-F238E27FC236}">
              <a16:creationId xmlns:a16="http://schemas.microsoft.com/office/drawing/2014/main" id="{00000000-0008-0000-0300-00006A010000}"/>
            </a:ext>
          </a:extLst>
        </xdr:cNvPr>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0" name="公債費負担の状況グラフ枠">
          <a:extLst>
            <a:ext uri="{FF2B5EF4-FFF2-40B4-BE49-F238E27FC236}">
              <a16:creationId xmlns:a16="http://schemas.microsoft.com/office/drawing/2014/main" id="{00000000-0008-0000-0300-000072010000}"/>
            </a:ext>
          </a:extLst>
        </xdr:cNvPr>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flipV="1">
          <a:off x="15474950" y="6264910"/>
          <a:ext cx="0" cy="13127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2" name="公債費負担の状況最小値テキスト">
          <a:extLst>
            <a:ext uri="{FF2B5EF4-FFF2-40B4-BE49-F238E27FC236}">
              <a16:creationId xmlns:a16="http://schemas.microsoft.com/office/drawing/2014/main" id="{00000000-0008-0000-0300-000074010000}"/>
            </a:ext>
          </a:extLst>
        </xdr:cNvPr>
        <xdr:cNvSpPr txBox="1"/>
      </xdr:nvSpPr>
      <xdr:spPr>
        <a:xfrm>
          <a:off x="15563850" y="7549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5405100" y="757766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4" name="公債費負担の状況最大値テキスト">
          <a:extLst>
            <a:ext uri="{FF2B5EF4-FFF2-40B4-BE49-F238E27FC236}">
              <a16:creationId xmlns:a16="http://schemas.microsoft.com/office/drawing/2014/main" id="{00000000-0008-0000-0300-000076010000}"/>
            </a:ext>
          </a:extLst>
        </xdr:cNvPr>
        <xdr:cNvSpPr txBox="1"/>
      </xdr:nvSpPr>
      <xdr:spPr>
        <a:xfrm>
          <a:off x="15563850" y="601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5405100" y="62649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40546</xdr:rowOff>
    </xdr:from>
    <xdr:to>
      <xdr:col>81</xdr:col>
      <xdr:colOff>44450</xdr:colOff>
      <xdr:row>41</xdr:row>
      <xdr:rowOff>140546</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4712950" y="7013786"/>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66057</xdr:rowOff>
    </xdr:from>
    <xdr:ext cx="762000" cy="259045"/>
    <xdr:sp macro="" textlink="">
      <xdr:nvSpPr>
        <xdr:cNvPr id="377" name="公債費負担の状況平均値テキスト">
          <a:extLst>
            <a:ext uri="{FF2B5EF4-FFF2-40B4-BE49-F238E27FC236}">
              <a16:creationId xmlns:a16="http://schemas.microsoft.com/office/drawing/2014/main" id="{00000000-0008-0000-0300-000079010000}"/>
            </a:ext>
          </a:extLst>
        </xdr:cNvPr>
        <xdr:cNvSpPr txBox="1"/>
      </xdr:nvSpPr>
      <xdr:spPr>
        <a:xfrm>
          <a:off x="15563850" y="6771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8" name="フローチャート: 判断 377">
          <a:extLst>
            <a:ext uri="{FF2B5EF4-FFF2-40B4-BE49-F238E27FC236}">
              <a16:creationId xmlns:a16="http://schemas.microsoft.com/office/drawing/2014/main" id="{00000000-0008-0000-0300-00007A010000}"/>
            </a:ext>
          </a:extLst>
        </xdr:cNvPr>
        <xdr:cNvSpPr/>
      </xdr:nvSpPr>
      <xdr:spPr>
        <a:xfrm>
          <a:off x="15427960" y="692277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124460</xdr:rowOff>
    </xdr:from>
    <xdr:to>
      <xdr:col>77</xdr:col>
      <xdr:colOff>44450</xdr:colOff>
      <xdr:row>41</xdr:row>
      <xdr:rowOff>140546</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3903960" y="6997700"/>
          <a:ext cx="80899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0" name="フローチャート: 判断 379">
          <a:extLst>
            <a:ext uri="{FF2B5EF4-FFF2-40B4-BE49-F238E27FC236}">
              <a16:creationId xmlns:a16="http://schemas.microsoft.com/office/drawing/2014/main" id="{00000000-0008-0000-0300-00007C010000}"/>
            </a:ext>
          </a:extLst>
        </xdr:cNvPr>
        <xdr:cNvSpPr/>
      </xdr:nvSpPr>
      <xdr:spPr>
        <a:xfrm>
          <a:off x="14665960" y="69066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45221</xdr:rowOff>
    </xdr:from>
    <xdr:ext cx="736600" cy="259045"/>
    <xdr:sp macro="" textlink="">
      <xdr:nvSpPr>
        <xdr:cNvPr id="381" name="テキスト ボックス 380">
          <a:extLst>
            <a:ext uri="{FF2B5EF4-FFF2-40B4-BE49-F238E27FC236}">
              <a16:creationId xmlns:a16="http://schemas.microsoft.com/office/drawing/2014/main" id="{00000000-0008-0000-0300-00007D010000}"/>
            </a:ext>
          </a:extLst>
        </xdr:cNvPr>
        <xdr:cNvSpPr txBox="1"/>
      </xdr:nvSpPr>
      <xdr:spPr>
        <a:xfrm>
          <a:off x="14370050" y="66831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00330</xdr:rowOff>
    </xdr:from>
    <xdr:to>
      <xdr:col>72</xdr:col>
      <xdr:colOff>203200</xdr:colOff>
      <xdr:row>41</xdr:row>
      <xdr:rowOff>12446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3106400" y="6973570"/>
          <a:ext cx="79756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46050</xdr:rowOff>
    </xdr:from>
    <xdr:to>
      <xdr:col>73</xdr:col>
      <xdr:colOff>44450</xdr:colOff>
      <xdr:row>42</xdr:row>
      <xdr:rowOff>7620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3868400" y="701929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60977</xdr:rowOff>
    </xdr:from>
    <xdr:ext cx="762000" cy="259045"/>
    <xdr:sp macro="" textlink="">
      <xdr:nvSpPr>
        <xdr:cNvPr id="384" name="テキスト ボックス 383">
          <a:extLst>
            <a:ext uri="{FF2B5EF4-FFF2-40B4-BE49-F238E27FC236}">
              <a16:creationId xmlns:a16="http://schemas.microsoft.com/office/drawing/2014/main" id="{00000000-0008-0000-0300-000080010000}"/>
            </a:ext>
          </a:extLst>
        </xdr:cNvPr>
        <xdr:cNvSpPr txBox="1"/>
      </xdr:nvSpPr>
      <xdr:spPr>
        <a:xfrm>
          <a:off x="135572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27940</xdr:rowOff>
    </xdr:from>
    <xdr:to>
      <xdr:col>68</xdr:col>
      <xdr:colOff>152400</xdr:colOff>
      <xdr:row>41</xdr:row>
      <xdr:rowOff>100330</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a:off x="12293600" y="6901180"/>
          <a:ext cx="8128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2</xdr:row>
      <xdr:rowOff>38946</xdr:rowOff>
    </xdr:from>
    <xdr:to>
      <xdr:col>68</xdr:col>
      <xdr:colOff>203200</xdr:colOff>
      <xdr:row>42</xdr:row>
      <xdr:rowOff>140546</xdr:rowOff>
    </xdr:to>
    <xdr:sp macro="" textlink="">
      <xdr:nvSpPr>
        <xdr:cNvPr id="386" name="フローチャート: 判断 385">
          <a:extLst>
            <a:ext uri="{FF2B5EF4-FFF2-40B4-BE49-F238E27FC236}">
              <a16:creationId xmlns:a16="http://schemas.microsoft.com/office/drawing/2014/main" id="{00000000-0008-0000-0300-000082010000}"/>
            </a:ext>
          </a:extLst>
        </xdr:cNvPr>
        <xdr:cNvSpPr/>
      </xdr:nvSpPr>
      <xdr:spPr>
        <a:xfrm>
          <a:off x="13055600" y="707982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5323</xdr:rowOff>
    </xdr:from>
    <xdr:ext cx="762000" cy="259045"/>
    <xdr:sp macro="" textlink="">
      <xdr:nvSpPr>
        <xdr:cNvPr id="387" name="テキスト ボックス 386">
          <a:extLst>
            <a:ext uri="{FF2B5EF4-FFF2-40B4-BE49-F238E27FC236}">
              <a16:creationId xmlns:a16="http://schemas.microsoft.com/office/drawing/2014/main" id="{00000000-0008-0000-0300-000083010000}"/>
            </a:ext>
          </a:extLst>
        </xdr:cNvPr>
        <xdr:cNvSpPr txBox="1"/>
      </xdr:nvSpPr>
      <xdr:spPr>
        <a:xfrm>
          <a:off x="12763500" y="7166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22860</xdr:rowOff>
    </xdr:from>
    <xdr:to>
      <xdr:col>64</xdr:col>
      <xdr:colOff>152400</xdr:colOff>
      <xdr:row>42</xdr:row>
      <xdr:rowOff>124460</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2242800" y="7063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09237</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1950700" y="7150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9746</xdr:rowOff>
    </xdr:from>
    <xdr:to>
      <xdr:col>81</xdr:col>
      <xdr:colOff>95250</xdr:colOff>
      <xdr:row>42</xdr:row>
      <xdr:rowOff>19896</xdr:rowOff>
    </xdr:to>
    <xdr:sp macro="" textlink="">
      <xdr:nvSpPr>
        <xdr:cNvPr id="395" name="楕円 394">
          <a:extLst>
            <a:ext uri="{FF2B5EF4-FFF2-40B4-BE49-F238E27FC236}">
              <a16:creationId xmlns:a16="http://schemas.microsoft.com/office/drawing/2014/main" id="{00000000-0008-0000-0300-00008B010000}"/>
            </a:ext>
          </a:extLst>
        </xdr:cNvPr>
        <xdr:cNvSpPr/>
      </xdr:nvSpPr>
      <xdr:spPr>
        <a:xfrm>
          <a:off x="15427960" y="696298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61823</xdr:rowOff>
    </xdr:from>
    <xdr:ext cx="762000" cy="259045"/>
    <xdr:sp macro="" textlink="">
      <xdr:nvSpPr>
        <xdr:cNvPr id="396" name="公債費負担の状況該当値テキスト">
          <a:extLst>
            <a:ext uri="{FF2B5EF4-FFF2-40B4-BE49-F238E27FC236}">
              <a16:creationId xmlns:a16="http://schemas.microsoft.com/office/drawing/2014/main" id="{00000000-0008-0000-0300-00008C010000}"/>
            </a:ext>
          </a:extLst>
        </xdr:cNvPr>
        <xdr:cNvSpPr txBox="1"/>
      </xdr:nvSpPr>
      <xdr:spPr>
        <a:xfrm>
          <a:off x="15563850" y="693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89746</xdr:rowOff>
    </xdr:from>
    <xdr:to>
      <xdr:col>77</xdr:col>
      <xdr:colOff>95250</xdr:colOff>
      <xdr:row>42</xdr:row>
      <xdr:rowOff>19896</xdr:rowOff>
    </xdr:to>
    <xdr:sp macro="" textlink="">
      <xdr:nvSpPr>
        <xdr:cNvPr id="397" name="楕円 396">
          <a:extLst>
            <a:ext uri="{FF2B5EF4-FFF2-40B4-BE49-F238E27FC236}">
              <a16:creationId xmlns:a16="http://schemas.microsoft.com/office/drawing/2014/main" id="{00000000-0008-0000-0300-00008D010000}"/>
            </a:ext>
          </a:extLst>
        </xdr:cNvPr>
        <xdr:cNvSpPr/>
      </xdr:nvSpPr>
      <xdr:spPr>
        <a:xfrm>
          <a:off x="14665960" y="696298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4673</xdr:rowOff>
    </xdr:from>
    <xdr:ext cx="7366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370050" y="7045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73660</xdr:rowOff>
    </xdr:from>
    <xdr:to>
      <xdr:col>73</xdr:col>
      <xdr:colOff>44450</xdr:colOff>
      <xdr:row>42</xdr:row>
      <xdr:rowOff>3810</xdr:rowOff>
    </xdr:to>
    <xdr:sp macro="" textlink="">
      <xdr:nvSpPr>
        <xdr:cNvPr id="399" name="楕円 398">
          <a:extLst>
            <a:ext uri="{FF2B5EF4-FFF2-40B4-BE49-F238E27FC236}">
              <a16:creationId xmlns:a16="http://schemas.microsoft.com/office/drawing/2014/main" id="{00000000-0008-0000-0300-00008F010000}"/>
            </a:ext>
          </a:extLst>
        </xdr:cNvPr>
        <xdr:cNvSpPr/>
      </xdr:nvSpPr>
      <xdr:spPr>
        <a:xfrm>
          <a:off x="13868400" y="694690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398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3557250" y="6719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49530</xdr:rowOff>
    </xdr:from>
    <xdr:to>
      <xdr:col>68</xdr:col>
      <xdr:colOff>203200</xdr:colOff>
      <xdr:row>41</xdr:row>
      <xdr:rowOff>151130</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3055600" y="6922770"/>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61307</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2763500" y="6699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48590</xdr:rowOff>
    </xdr:from>
    <xdr:to>
      <xdr:col>64</xdr:col>
      <xdr:colOff>152400</xdr:colOff>
      <xdr:row>41</xdr:row>
      <xdr:rowOff>78740</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2242800" y="68541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88917</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19507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5" name="正方形/長方形 404">
          <a:extLst>
            <a:ext uri="{FF2B5EF4-FFF2-40B4-BE49-F238E27FC236}">
              <a16:creationId xmlns:a16="http://schemas.microsoft.com/office/drawing/2014/main" id="{00000000-0008-0000-0300-000095010000}"/>
            </a:ext>
          </a:extLst>
        </xdr:cNvPr>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8" name="正方形/長方形 407">
          <a:extLst>
            <a:ext uri="{FF2B5EF4-FFF2-40B4-BE49-F238E27FC236}">
              <a16:creationId xmlns:a16="http://schemas.microsoft.com/office/drawing/2014/main" id="{00000000-0008-0000-0300-000098010000}"/>
            </a:ext>
          </a:extLst>
        </xdr:cNvPr>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9" name="正方形/長方形 408">
          <a:extLst>
            <a:ext uri="{FF2B5EF4-FFF2-40B4-BE49-F238E27FC236}">
              <a16:creationId xmlns:a16="http://schemas.microsoft.com/office/drawing/2014/main" id="{00000000-0008-0000-0300-000099010000}"/>
            </a:ext>
          </a:extLst>
        </xdr:cNvPr>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1" name="正方形/長方形 410">
          <a:extLst>
            <a:ext uri="{FF2B5EF4-FFF2-40B4-BE49-F238E27FC236}">
              <a16:creationId xmlns:a16="http://schemas.microsoft.com/office/drawing/2014/main" id="{00000000-0008-0000-0300-00009B010000}"/>
            </a:ext>
          </a:extLst>
        </xdr:cNvPr>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7" name="テキスト ボックス 416">
          <a:extLst>
            <a:ext uri="{FF2B5EF4-FFF2-40B4-BE49-F238E27FC236}">
              <a16:creationId xmlns:a16="http://schemas.microsoft.com/office/drawing/2014/main" id="{00000000-0008-0000-0300-0000A1010000}"/>
            </a:ext>
          </a:extLst>
        </xdr:cNvPr>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将来負担比率は、類似団体平均値を下回っており、その主な要因としては、建設事業計画の見直し及び新規発行債の抑制等により、一般会計における地方債現在高及び下水道整備に係る公営企業債等繰入見込額が減額となっていることである。</a:t>
          </a:r>
        </a:p>
        <a:p>
          <a:r>
            <a:rPr kumimoji="1" lang="ja-JP" altLang="en-US" sz="1300">
              <a:latin typeface="ＭＳ Ｐゴシック" panose="020B0600070205080204" pitchFamily="50" charset="-128"/>
              <a:ea typeface="ＭＳ Ｐゴシック" panose="020B0600070205080204" pitchFamily="50" charset="-128"/>
            </a:rPr>
            <a:t>　今後も引き続き行財政改革を推進し、経費節減を図るとともに、新規発行債の抑制等により財政の健全化に努める。</a:t>
          </a:r>
        </a:p>
      </xdr:txBody>
    </xdr:sp>
    <xdr:clientData/>
  </xdr:twoCellAnchor>
  <xdr:oneCellAnchor>
    <xdr:from>
      <xdr:col>61</xdr:col>
      <xdr:colOff>6350</xdr:colOff>
      <xdr:row>10</xdr:row>
      <xdr:rowOff>63500</xdr:rowOff>
    </xdr:from>
    <xdr:ext cx="298543" cy="225703"/>
    <xdr:sp macro="" textlink="">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9" name="直線コネクタ 418">
          <a:extLst>
            <a:ext uri="{FF2B5EF4-FFF2-40B4-BE49-F238E27FC236}">
              <a16:creationId xmlns:a16="http://schemas.microsoft.com/office/drawing/2014/main" id="{00000000-0008-0000-0300-0000A3010000}"/>
            </a:ext>
          </a:extLst>
        </xdr:cNvPr>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0" name="テキスト ボックス 419">
          <a:extLst>
            <a:ext uri="{FF2B5EF4-FFF2-40B4-BE49-F238E27FC236}">
              <a16:creationId xmlns:a16="http://schemas.microsoft.com/office/drawing/2014/main" id="{00000000-0008-0000-0300-0000A4010000}"/>
            </a:ext>
          </a:extLst>
        </xdr:cNvPr>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1" name="直線コネクタ 420">
          <a:extLst>
            <a:ext uri="{FF2B5EF4-FFF2-40B4-BE49-F238E27FC236}">
              <a16:creationId xmlns:a16="http://schemas.microsoft.com/office/drawing/2014/main" id="{00000000-0008-0000-0300-0000A5010000}"/>
            </a:ext>
          </a:extLst>
        </xdr:cNvPr>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3" name="直線コネクタ 422">
          <a:extLst>
            <a:ext uri="{FF2B5EF4-FFF2-40B4-BE49-F238E27FC236}">
              <a16:creationId xmlns:a16="http://schemas.microsoft.com/office/drawing/2014/main" id="{00000000-0008-0000-0300-0000A7010000}"/>
            </a:ext>
          </a:extLst>
        </xdr:cNvPr>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a:extLst>
            <a:ext uri="{FF2B5EF4-FFF2-40B4-BE49-F238E27FC236}">
              <a16:creationId xmlns:a16="http://schemas.microsoft.com/office/drawing/2014/main" id="{00000000-0008-0000-0300-0000B0010000}"/>
            </a:ext>
          </a:extLst>
        </xdr:cNvPr>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2287</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flipV="1">
          <a:off x="15474950" y="2321137"/>
          <a:ext cx="0" cy="16268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4364</xdr:rowOff>
    </xdr:from>
    <xdr:ext cx="762000" cy="259045"/>
    <xdr:sp macro="" textlink="">
      <xdr:nvSpPr>
        <xdr:cNvPr id="434" name="将来負担の状況最小値テキスト">
          <a:extLst>
            <a:ext uri="{FF2B5EF4-FFF2-40B4-BE49-F238E27FC236}">
              <a16:creationId xmlns:a16="http://schemas.microsoft.com/office/drawing/2014/main" id="{00000000-0008-0000-0300-0000B2010000}"/>
            </a:ext>
          </a:extLst>
        </xdr:cNvPr>
        <xdr:cNvSpPr txBox="1"/>
      </xdr:nvSpPr>
      <xdr:spPr>
        <a:xfrm>
          <a:off x="15563850" y="3920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2287</xdr:rowOff>
    </xdr:from>
    <xdr:to>
      <xdr:col>81</xdr:col>
      <xdr:colOff>133350</xdr:colOff>
      <xdr:row>23</xdr:row>
      <xdr:rowOff>92287</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5405100" y="39480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6" name="将来負担の状況最大値テキスト">
          <a:extLst>
            <a:ext uri="{FF2B5EF4-FFF2-40B4-BE49-F238E27FC236}">
              <a16:creationId xmlns:a16="http://schemas.microsoft.com/office/drawing/2014/main" id="{00000000-0008-0000-0300-0000B4010000}"/>
            </a:ext>
          </a:extLst>
        </xdr:cNvPr>
        <xdr:cNvSpPr txBox="1"/>
      </xdr:nvSpPr>
      <xdr:spPr>
        <a:xfrm>
          <a:off x="15563850" y="201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8" name="将来負担の状況平均値テキスト">
          <a:extLst>
            <a:ext uri="{FF2B5EF4-FFF2-40B4-BE49-F238E27FC236}">
              <a16:creationId xmlns:a16="http://schemas.microsoft.com/office/drawing/2014/main" id="{00000000-0008-0000-0300-0000B6010000}"/>
            </a:ext>
          </a:extLst>
        </xdr:cNvPr>
        <xdr:cNvSpPr txBox="1"/>
      </xdr:nvSpPr>
      <xdr:spPr>
        <a:xfrm>
          <a:off x="15563850" y="22424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9" name="フローチャート: 判断 438">
          <a:extLst>
            <a:ext uri="{FF2B5EF4-FFF2-40B4-BE49-F238E27FC236}">
              <a16:creationId xmlns:a16="http://schemas.microsoft.com/office/drawing/2014/main" id="{00000000-0008-0000-0300-0000B7010000}"/>
            </a:ext>
          </a:extLst>
        </xdr:cNvPr>
        <xdr:cNvSpPr/>
      </xdr:nvSpPr>
      <xdr:spPr>
        <a:xfrm>
          <a:off x="15427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0" name="フローチャート: 判断 439">
          <a:extLst>
            <a:ext uri="{FF2B5EF4-FFF2-40B4-BE49-F238E27FC236}">
              <a16:creationId xmlns:a16="http://schemas.microsoft.com/office/drawing/2014/main" id="{00000000-0008-0000-0300-0000B8010000}"/>
            </a:ext>
          </a:extLst>
        </xdr:cNvPr>
        <xdr:cNvSpPr/>
      </xdr:nvSpPr>
      <xdr:spPr>
        <a:xfrm>
          <a:off x="14665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4370050" y="20430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2" name="フローチャート: 判断 441">
          <a:extLst>
            <a:ext uri="{FF2B5EF4-FFF2-40B4-BE49-F238E27FC236}">
              <a16:creationId xmlns:a16="http://schemas.microsoft.com/office/drawing/2014/main" id="{00000000-0008-0000-0300-0000BA010000}"/>
            </a:ext>
          </a:extLst>
        </xdr:cNvPr>
        <xdr:cNvSpPr/>
      </xdr:nvSpPr>
      <xdr:spPr>
        <a:xfrm>
          <a:off x="13868400" y="22703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3" name="テキスト ボックス 442">
          <a:extLst>
            <a:ext uri="{FF2B5EF4-FFF2-40B4-BE49-F238E27FC236}">
              <a16:creationId xmlns:a16="http://schemas.microsoft.com/office/drawing/2014/main" id="{00000000-0008-0000-0300-0000BB010000}"/>
            </a:ext>
          </a:extLst>
        </xdr:cNvPr>
        <xdr:cNvSpPr txBox="1"/>
      </xdr:nvSpPr>
      <xdr:spPr>
        <a:xfrm>
          <a:off x="1355725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131233</xdr:rowOff>
    </xdr:from>
    <xdr:to>
      <xdr:col>68</xdr:col>
      <xdr:colOff>203200</xdr:colOff>
      <xdr:row>14</xdr:row>
      <xdr:rowOff>61383</xdr:rowOff>
    </xdr:to>
    <xdr:sp macro="" textlink="">
      <xdr:nvSpPr>
        <xdr:cNvPr id="444" name="フローチャート: 判断 443">
          <a:extLst>
            <a:ext uri="{FF2B5EF4-FFF2-40B4-BE49-F238E27FC236}">
              <a16:creationId xmlns:a16="http://schemas.microsoft.com/office/drawing/2014/main" id="{00000000-0008-0000-0300-0000BC010000}"/>
            </a:ext>
          </a:extLst>
        </xdr:cNvPr>
        <xdr:cNvSpPr/>
      </xdr:nvSpPr>
      <xdr:spPr>
        <a:xfrm>
          <a:off x="13055600" y="2310553"/>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71560</xdr:rowOff>
    </xdr:from>
    <xdr:ext cx="762000" cy="259045"/>
    <xdr:sp macro="" textlink="">
      <xdr:nvSpPr>
        <xdr:cNvPr id="445" name="テキスト ボックス 444">
          <a:extLst>
            <a:ext uri="{FF2B5EF4-FFF2-40B4-BE49-F238E27FC236}">
              <a16:creationId xmlns:a16="http://schemas.microsoft.com/office/drawing/2014/main" id="{00000000-0008-0000-0300-0000BD010000}"/>
            </a:ext>
          </a:extLst>
        </xdr:cNvPr>
        <xdr:cNvSpPr txBox="1"/>
      </xdr:nvSpPr>
      <xdr:spPr>
        <a:xfrm>
          <a:off x="12763500" y="2083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21449</xdr:rowOff>
    </xdr:from>
    <xdr:to>
      <xdr:col>64</xdr:col>
      <xdr:colOff>152400</xdr:colOff>
      <xdr:row>14</xdr:row>
      <xdr:rowOff>123049</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2242800" y="2368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33226</xdr:rowOff>
    </xdr:from>
    <xdr:ext cx="7620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1950700" y="2144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奥多摩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746
4,685
225.53
7,652,031
7,356,246
242,755
2,828,157
1,651,2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係る指数は、前年度と比較して</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ポイント上昇し、類似団体平均値との比較で</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ポイント上回る状況となった。</a:t>
          </a: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については、分母である経常一般財源が普通交付税の増などにより増となったが、給与改定等により分子となる一般財源充当分人件費も増額となったため、指数が上昇した。</a:t>
          </a:r>
        </a:p>
        <a:p>
          <a:r>
            <a:rPr kumimoji="1" lang="ja-JP" altLang="en-US" sz="1300">
              <a:latin typeface="ＭＳ Ｐゴシック" panose="020B0600070205080204" pitchFamily="50" charset="-128"/>
              <a:ea typeface="ＭＳ Ｐゴシック" panose="020B0600070205080204" pitchFamily="50" charset="-128"/>
            </a:rPr>
            <a:t>　今後も、給与の適正化、適切な定員管理など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62230</xdr:rowOff>
    </xdr:from>
    <xdr:to>
      <xdr:col>24</xdr:col>
      <xdr:colOff>25400</xdr:colOff>
      <xdr:row>41</xdr:row>
      <xdr:rowOff>2413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2008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6765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24130</xdr:rowOff>
    </xdr:from>
    <xdr:to>
      <xdr:col>24</xdr:col>
      <xdr:colOff>114300</xdr:colOff>
      <xdr:row>41</xdr:row>
      <xdr:rowOff>241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860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63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62230</xdr:rowOff>
    </xdr:from>
    <xdr:to>
      <xdr:col>24</xdr:col>
      <xdr:colOff>114300</xdr:colOff>
      <xdr:row>33</xdr:row>
      <xdr:rowOff>6223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20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5080</xdr:rowOff>
    </xdr:from>
    <xdr:to>
      <xdr:col>24</xdr:col>
      <xdr:colOff>25400</xdr:colOff>
      <xdr:row>37</xdr:row>
      <xdr:rowOff>8890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34873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3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439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6670</xdr:rowOff>
    </xdr:from>
    <xdr:to>
      <xdr:col>24</xdr:col>
      <xdr:colOff>76200</xdr:colOff>
      <xdr:row>36</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98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5080</xdr:rowOff>
    </xdr:from>
    <xdr:to>
      <xdr:col>19</xdr:col>
      <xdr:colOff>187325</xdr:colOff>
      <xdr:row>37</xdr:row>
      <xdr:rowOff>5080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34873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0</xdr:rowOff>
    </xdr:from>
    <xdr:to>
      <xdr:col>20</xdr:col>
      <xdr:colOff>38100</xdr:colOff>
      <xdr:row>36</xdr:row>
      <xdr:rowOff>1016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7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117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941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20320</xdr:rowOff>
    </xdr:from>
    <xdr:to>
      <xdr:col>15</xdr:col>
      <xdr:colOff>98425</xdr:colOff>
      <xdr:row>37</xdr:row>
      <xdr:rowOff>5080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36397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1440</xdr:rowOff>
    </xdr:from>
    <xdr:to>
      <xdr:col>15</xdr:col>
      <xdr:colOff>149225</xdr:colOff>
      <xdr:row>37</xdr:row>
      <xdr:rowOff>215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17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20320</xdr:rowOff>
    </xdr:from>
    <xdr:to>
      <xdr:col>11</xdr:col>
      <xdr:colOff>9525</xdr:colOff>
      <xdr:row>37</xdr:row>
      <xdr:rowOff>8128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36397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22860</xdr:rowOff>
    </xdr:from>
    <xdr:to>
      <xdr:col>11</xdr:col>
      <xdr:colOff>60325</xdr:colOff>
      <xdr:row>36</xdr:row>
      <xdr:rowOff>12446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195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3463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63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5240</xdr:rowOff>
    </xdr:from>
    <xdr:to>
      <xdr:col>6</xdr:col>
      <xdr:colOff>171450</xdr:colOff>
      <xdr:row>36</xdr:row>
      <xdr:rowOff>11684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2701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8100</xdr:rowOff>
    </xdr:from>
    <xdr:to>
      <xdr:col>24</xdr:col>
      <xdr:colOff>76200</xdr:colOff>
      <xdr:row>37</xdr:row>
      <xdr:rowOff>13970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381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17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35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25730</xdr:rowOff>
    </xdr:from>
    <xdr:to>
      <xdr:col>20</xdr:col>
      <xdr:colOff>38100</xdr:colOff>
      <xdr:row>37</xdr:row>
      <xdr:rowOff>558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297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4065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3843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0</xdr:rowOff>
    </xdr:from>
    <xdr:to>
      <xdr:col>15</xdr:col>
      <xdr:colOff>149225</xdr:colOff>
      <xdr:row>37</xdr:row>
      <xdr:rowOff>10160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34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8637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43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40970</xdr:rowOff>
    </xdr:from>
    <xdr:to>
      <xdr:col>11</xdr:col>
      <xdr:colOff>60325</xdr:colOff>
      <xdr:row>37</xdr:row>
      <xdr:rowOff>7112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31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5589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39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30480</xdr:rowOff>
    </xdr:from>
    <xdr:to>
      <xdr:col>6</xdr:col>
      <xdr:colOff>171450</xdr:colOff>
      <xdr:row>37</xdr:row>
      <xdr:rowOff>13208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374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1685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460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昨年度と同数値となり、類似団体平均値との比較では</a:t>
          </a:r>
          <a:r>
            <a:rPr kumimoji="1" lang="en-US" altLang="ja-JP" sz="1300">
              <a:latin typeface="ＭＳ Ｐゴシック" panose="020B0600070205080204" pitchFamily="50" charset="-128"/>
              <a:ea typeface="ＭＳ Ｐゴシック" panose="020B0600070205080204" pitchFamily="50" charset="-128"/>
            </a:rPr>
            <a:t>4.3</a:t>
          </a:r>
          <a:r>
            <a:rPr kumimoji="1" lang="ja-JP" altLang="en-US" sz="1300">
              <a:latin typeface="ＭＳ Ｐゴシック" panose="020B0600070205080204" pitchFamily="50" charset="-128"/>
              <a:ea typeface="ＭＳ Ｐゴシック" panose="020B0600070205080204" pitchFamily="50" charset="-128"/>
            </a:rPr>
            <a:t>ポイント下回る数値となっている。</a:t>
          </a:r>
        </a:p>
        <a:p>
          <a:r>
            <a:rPr kumimoji="1" lang="ja-JP" altLang="en-US" sz="1300">
              <a:latin typeface="ＭＳ Ｐゴシック" panose="020B0600070205080204" pitchFamily="50" charset="-128"/>
              <a:ea typeface="ＭＳ Ｐゴシック" panose="020B0600070205080204" pitchFamily="50" charset="-128"/>
            </a:rPr>
            <a:t>　類似団体の平均を下回る結果となっているが、今後も委託事業等の見直しを行うとももに、経常経費の削減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a:extLst>
            <a:ext uri="{FF2B5EF4-FFF2-40B4-BE49-F238E27FC236}">
              <a16:creationId xmlns:a16="http://schemas.microsoft.com/office/drawing/2014/main" id="{00000000-0008-0000-0400-000078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2240</xdr:rowOff>
    </xdr:from>
    <xdr:to>
      <xdr:col>82</xdr:col>
      <xdr:colOff>107950</xdr:colOff>
      <xdr:row>21</xdr:row>
      <xdr:rowOff>10033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flipV="1">
          <a:off x="16510000" y="2371090"/>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22" name="物件費最小値テキスト">
          <a:extLst>
            <a:ext uri="{FF2B5EF4-FFF2-40B4-BE49-F238E27FC236}">
              <a16:creationId xmlns:a16="http://schemas.microsoft.com/office/drawing/2014/main" id="{00000000-0008-0000-0400-00007A000000}"/>
            </a:ext>
          </a:extLst>
        </xdr:cNvPr>
        <xdr:cNvSpPr txBox="1"/>
      </xdr:nvSpPr>
      <xdr:spPr>
        <a:xfrm>
          <a:off x="16598900" y="367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3700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7167</xdr:rowOff>
    </xdr:from>
    <xdr:ext cx="762000" cy="259045"/>
    <xdr:sp macro="" textlink="">
      <xdr:nvSpPr>
        <xdr:cNvPr id="124" name="物件費最大値テキスト">
          <a:extLst>
            <a:ext uri="{FF2B5EF4-FFF2-40B4-BE49-F238E27FC236}">
              <a16:creationId xmlns:a16="http://schemas.microsoft.com/office/drawing/2014/main" id="{00000000-0008-0000-0400-00007C000000}"/>
            </a:ext>
          </a:extLst>
        </xdr:cNvPr>
        <xdr:cNvSpPr txBox="1"/>
      </xdr:nvSpPr>
      <xdr:spPr>
        <a:xfrm>
          <a:off x="16598900" y="211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2240</xdr:rowOff>
    </xdr:from>
    <xdr:to>
      <xdr:col>82</xdr:col>
      <xdr:colOff>196850</xdr:colOff>
      <xdr:row>13</xdr:row>
      <xdr:rowOff>14224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6421100" y="2371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31750</xdr:rowOff>
    </xdr:from>
    <xdr:to>
      <xdr:col>82</xdr:col>
      <xdr:colOff>107950</xdr:colOff>
      <xdr:row>15</xdr:row>
      <xdr:rowOff>317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5671800" y="2603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16857</xdr:rowOff>
    </xdr:from>
    <xdr:ext cx="762000" cy="259045"/>
    <xdr:sp macro="" textlink="">
      <xdr:nvSpPr>
        <xdr:cNvPr id="127" name="物件費平均値テキスト">
          <a:extLst>
            <a:ext uri="{FF2B5EF4-FFF2-40B4-BE49-F238E27FC236}">
              <a16:creationId xmlns:a16="http://schemas.microsoft.com/office/drawing/2014/main" id="{00000000-0008-0000-0400-00007F000000}"/>
            </a:ext>
          </a:extLst>
        </xdr:cNvPr>
        <xdr:cNvSpPr txBox="1"/>
      </xdr:nvSpPr>
      <xdr:spPr>
        <a:xfrm>
          <a:off x="16598900" y="2688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780</xdr:rowOff>
    </xdr:from>
    <xdr:to>
      <xdr:col>82</xdr:col>
      <xdr:colOff>158750</xdr:colOff>
      <xdr:row>16</xdr:row>
      <xdr:rowOff>74930</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6459200" y="2716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168910</xdr:rowOff>
    </xdr:from>
    <xdr:to>
      <xdr:col>78</xdr:col>
      <xdr:colOff>69850</xdr:colOff>
      <xdr:row>15</xdr:row>
      <xdr:rowOff>3175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4782800" y="256921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9060</xdr:rowOff>
    </xdr:from>
    <xdr:to>
      <xdr:col>78</xdr:col>
      <xdr:colOff>120650</xdr:colOff>
      <xdr:row>16</xdr:row>
      <xdr:rowOff>2921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5621000" y="2670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987</xdr:rowOff>
    </xdr:from>
    <xdr:ext cx="7366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5290800" y="27571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68910</xdr:rowOff>
    </xdr:from>
    <xdr:to>
      <xdr:col>73</xdr:col>
      <xdr:colOff>180975</xdr:colOff>
      <xdr:row>15</xdr:row>
      <xdr:rowOff>13081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3893800" y="256921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1920</xdr:rowOff>
    </xdr:from>
    <xdr:to>
      <xdr:col>74</xdr:col>
      <xdr:colOff>31750</xdr:colOff>
      <xdr:row>16</xdr:row>
      <xdr:rowOff>5207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4732000" y="2693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6847</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4401800" y="2780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30810</xdr:rowOff>
    </xdr:from>
    <xdr:to>
      <xdr:col>69</xdr:col>
      <xdr:colOff>92075</xdr:colOff>
      <xdr:row>15</xdr:row>
      <xdr:rowOff>14224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004800" y="270256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60020</xdr:rowOff>
    </xdr:from>
    <xdr:to>
      <xdr:col>69</xdr:col>
      <xdr:colOff>142875</xdr:colOff>
      <xdr:row>16</xdr:row>
      <xdr:rowOff>9017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3843000" y="2731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7494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3512800" y="2818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52400</xdr:rowOff>
    </xdr:from>
    <xdr:to>
      <xdr:col>65</xdr:col>
      <xdr:colOff>53975</xdr:colOff>
      <xdr:row>16</xdr:row>
      <xdr:rowOff>82550</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2954000" y="272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6732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2623800" y="281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52400</xdr:rowOff>
    </xdr:from>
    <xdr:to>
      <xdr:col>82</xdr:col>
      <xdr:colOff>158750</xdr:colOff>
      <xdr:row>15</xdr:row>
      <xdr:rowOff>82550</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6459200" y="255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68927</xdr:rowOff>
    </xdr:from>
    <xdr:ext cx="762000" cy="259045"/>
    <xdr:sp macro="" textlink="">
      <xdr:nvSpPr>
        <xdr:cNvPr id="146" name="物件費該当値テキスト">
          <a:extLst>
            <a:ext uri="{FF2B5EF4-FFF2-40B4-BE49-F238E27FC236}">
              <a16:creationId xmlns:a16="http://schemas.microsoft.com/office/drawing/2014/main" id="{00000000-0008-0000-0400-000092000000}"/>
            </a:ext>
          </a:extLst>
        </xdr:cNvPr>
        <xdr:cNvSpPr txBox="1"/>
      </xdr:nvSpPr>
      <xdr:spPr>
        <a:xfrm>
          <a:off x="16598900" y="239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152400</xdr:rowOff>
    </xdr:from>
    <xdr:to>
      <xdr:col>78</xdr:col>
      <xdr:colOff>120650</xdr:colOff>
      <xdr:row>15</xdr:row>
      <xdr:rowOff>82550</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5621000" y="255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92727</xdr:rowOff>
    </xdr:from>
    <xdr:ext cx="7366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5290800" y="2321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18110</xdr:rowOff>
    </xdr:from>
    <xdr:to>
      <xdr:col>74</xdr:col>
      <xdr:colOff>31750</xdr:colOff>
      <xdr:row>15</xdr:row>
      <xdr:rowOff>4826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4732000" y="2518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5843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4401800" y="2287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80010</xdr:rowOff>
    </xdr:from>
    <xdr:to>
      <xdr:col>69</xdr:col>
      <xdr:colOff>142875</xdr:colOff>
      <xdr:row>16</xdr:row>
      <xdr:rowOff>1016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3843000" y="265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2033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3512800" y="242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91440</xdr:rowOff>
    </xdr:from>
    <xdr:to>
      <xdr:col>65</xdr:col>
      <xdr:colOff>53975</xdr:colOff>
      <xdr:row>16</xdr:row>
      <xdr:rowOff>21590</xdr:rowOff>
    </xdr:to>
    <xdr:sp macro="" textlink="">
      <xdr:nvSpPr>
        <xdr:cNvPr id="153" name="楕円 152">
          <a:extLst>
            <a:ext uri="{FF2B5EF4-FFF2-40B4-BE49-F238E27FC236}">
              <a16:creationId xmlns:a16="http://schemas.microsoft.com/office/drawing/2014/main" id="{00000000-0008-0000-0400-000099000000}"/>
            </a:ext>
          </a:extLst>
        </xdr:cNvPr>
        <xdr:cNvSpPr/>
      </xdr:nvSpPr>
      <xdr:spPr>
        <a:xfrm>
          <a:off x="12954000" y="2663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31767</xdr:rowOff>
    </xdr:from>
    <xdr:ext cx="762000" cy="259045"/>
    <xdr:sp macro="" textlink="">
      <xdr:nvSpPr>
        <xdr:cNvPr id="154" name="テキスト ボックス 153">
          <a:extLst>
            <a:ext uri="{FF2B5EF4-FFF2-40B4-BE49-F238E27FC236}">
              <a16:creationId xmlns:a16="http://schemas.microsoft.com/office/drawing/2014/main" id="{00000000-0008-0000-0400-00009A000000}"/>
            </a:ext>
          </a:extLst>
        </xdr:cNvPr>
        <xdr:cNvSpPr txBox="1"/>
      </xdr:nvSpPr>
      <xdr:spPr>
        <a:xfrm>
          <a:off x="12623800" y="2432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係る指数は、前年度と比較して</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増加し、類似団体平均値との比較で</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ポイント上回る状況となった。</a:t>
          </a:r>
        </a:p>
        <a:p>
          <a:r>
            <a:rPr kumimoji="1" lang="ja-JP" altLang="en-US" sz="1300">
              <a:latin typeface="ＭＳ Ｐゴシック" panose="020B0600070205080204" pitchFamily="50" charset="-128"/>
              <a:ea typeface="ＭＳ Ｐゴシック" panose="020B0600070205080204" pitchFamily="50" charset="-128"/>
            </a:rPr>
            <a:t>　当町では、ソフト・ハード両面から少子化・若者定住対策に係る各種事業を実施してきたことにより、子育て世帯が増え、保育所措置費を含む児童福祉関連の扶助費（経常経費）が毎年度伸びており、類似団体平均値を上回る状況となっていると考えら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889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805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6097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88900</xdr:rowOff>
    </xdr:from>
    <xdr:to>
      <xdr:col>24</xdr:col>
      <xdr:colOff>114300</xdr:colOff>
      <xdr:row>60</xdr:row>
      <xdr:rowOff>889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88900</xdr:rowOff>
    </xdr:from>
    <xdr:to>
      <xdr:col>24</xdr:col>
      <xdr:colOff>25400</xdr:colOff>
      <xdr:row>58</xdr:row>
      <xdr:rowOff>10795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861550"/>
          <a:ext cx="8382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1177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370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88900</xdr:rowOff>
    </xdr:from>
    <xdr:to>
      <xdr:col>19</xdr:col>
      <xdr:colOff>187325</xdr:colOff>
      <xdr:row>59</xdr:row>
      <xdr:rowOff>1270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9861550"/>
          <a:ext cx="8890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3557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293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88900</xdr:rowOff>
    </xdr:from>
    <xdr:to>
      <xdr:col>15</xdr:col>
      <xdr:colOff>98425</xdr:colOff>
      <xdr:row>59</xdr:row>
      <xdr:rowOff>1270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2209800" y="100330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177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88900</xdr:rowOff>
    </xdr:from>
    <xdr:to>
      <xdr:col>11</xdr:col>
      <xdr:colOff>9525</xdr:colOff>
      <xdr:row>59</xdr:row>
      <xdr:rowOff>3175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1320800" y="100330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114300</xdr:rowOff>
    </xdr:from>
    <xdr:to>
      <xdr:col>11</xdr:col>
      <xdr:colOff>60325</xdr:colOff>
      <xdr:row>59</xdr:row>
      <xdr:rowOff>4445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2922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1014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14300</xdr:rowOff>
    </xdr:from>
    <xdr:to>
      <xdr:col>6</xdr:col>
      <xdr:colOff>171450</xdr:colOff>
      <xdr:row>59</xdr:row>
      <xdr:rowOff>444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546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57150</xdr:rowOff>
    </xdr:from>
    <xdr:to>
      <xdr:col>24</xdr:col>
      <xdr:colOff>76200</xdr:colOff>
      <xdr:row>58</xdr:row>
      <xdr:rowOff>1587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10001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2922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38100</xdr:rowOff>
    </xdr:from>
    <xdr:to>
      <xdr:col>20</xdr:col>
      <xdr:colOff>38100</xdr:colOff>
      <xdr:row>57</xdr:row>
      <xdr:rowOff>13970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81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2447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9897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133350</xdr:rowOff>
    </xdr:from>
    <xdr:to>
      <xdr:col>15</xdr:col>
      <xdr:colOff>149225</xdr:colOff>
      <xdr:row>59</xdr:row>
      <xdr:rowOff>6350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1007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482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1016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38100</xdr:rowOff>
    </xdr:from>
    <xdr:to>
      <xdr:col>11</xdr:col>
      <xdr:colOff>60325</xdr:colOff>
      <xdr:row>58</xdr:row>
      <xdr:rowOff>13970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498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75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52400</xdr:rowOff>
    </xdr:from>
    <xdr:to>
      <xdr:col>6</xdr:col>
      <xdr:colOff>171450</xdr:colOff>
      <xdr:row>59</xdr:row>
      <xdr:rowOff>825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1009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673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前年度と比較して</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ポイント減少し、類似団体平均値との比較では</a:t>
          </a:r>
          <a:r>
            <a:rPr kumimoji="1" lang="en-US" altLang="ja-JP" sz="1300">
              <a:latin typeface="ＭＳ Ｐゴシック" panose="020B0600070205080204" pitchFamily="50" charset="-128"/>
              <a:ea typeface="ＭＳ Ｐゴシック" panose="020B0600070205080204" pitchFamily="50" charset="-128"/>
            </a:rPr>
            <a:t>4.5</a:t>
          </a:r>
          <a:r>
            <a:rPr kumimoji="1" lang="ja-JP" altLang="en-US" sz="1300">
              <a:latin typeface="ＭＳ Ｐゴシック" panose="020B0600070205080204" pitchFamily="50" charset="-128"/>
              <a:ea typeface="ＭＳ Ｐゴシック" panose="020B0600070205080204" pitchFamily="50" charset="-128"/>
            </a:rPr>
            <a:t>ポイント上回った。</a:t>
          </a:r>
        </a:p>
        <a:p>
          <a:r>
            <a:rPr kumimoji="1" lang="ja-JP" altLang="en-US" sz="1300">
              <a:latin typeface="ＭＳ Ｐゴシック" panose="020B0600070205080204" pitchFamily="50" charset="-128"/>
              <a:ea typeface="ＭＳ Ｐゴシック" panose="020B0600070205080204" pitchFamily="50" charset="-128"/>
            </a:rPr>
            <a:t>　今後も高齢化の進行に伴い、後期高齢者医療保険、介護保険の給付費の伸びが予想されること、下水道事業に係る企業債の償還に多額の費用がかかることなどから、一般会計からの繰出金の増加が懸念されるため、特別会計の適正な運営に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3081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510000" y="9088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2887</xdr:rowOff>
    </xdr:from>
    <xdr:ext cx="762000" cy="259045"/>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5989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0810</xdr:rowOff>
    </xdr:from>
    <xdr:to>
      <xdr:col>82</xdr:col>
      <xdr:colOff>196850</xdr:colOff>
      <xdr:row>61</xdr:row>
      <xdr:rowOff>13081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10589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598900" y="883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421100" y="9088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9</xdr:row>
      <xdr:rowOff>69850</xdr:rowOff>
    </xdr:from>
    <xdr:to>
      <xdr:col>82</xdr:col>
      <xdr:colOff>107950</xdr:colOff>
      <xdr:row>60</xdr:row>
      <xdr:rowOff>14986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5671800" y="10185400"/>
          <a:ext cx="838200" cy="25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35577</xdr:rowOff>
    </xdr:from>
    <xdr:ext cx="762000" cy="259045"/>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598900" y="9636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62230</xdr:rowOff>
    </xdr:from>
    <xdr:to>
      <xdr:col>78</xdr:col>
      <xdr:colOff>69850</xdr:colOff>
      <xdr:row>60</xdr:row>
      <xdr:rowOff>14986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4782800" y="10177780"/>
          <a:ext cx="889000" cy="259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41910</xdr:rowOff>
    </xdr:from>
    <xdr:to>
      <xdr:col>78</xdr:col>
      <xdr:colOff>120650</xdr:colOff>
      <xdr:row>57</xdr:row>
      <xdr:rowOff>14351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621000" y="9814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53687</xdr:rowOff>
    </xdr:from>
    <xdr:ext cx="7366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290800" y="9583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62230</xdr:rowOff>
    </xdr:from>
    <xdr:to>
      <xdr:col>73</xdr:col>
      <xdr:colOff>180975</xdr:colOff>
      <xdr:row>59</xdr:row>
      <xdr:rowOff>6985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3893800" y="101777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26670</xdr:rowOff>
    </xdr:from>
    <xdr:to>
      <xdr:col>74</xdr:col>
      <xdr:colOff>31750</xdr:colOff>
      <xdr:row>57</xdr:row>
      <xdr:rowOff>12827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732000" y="979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844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401800" y="9568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69850</xdr:rowOff>
    </xdr:from>
    <xdr:to>
      <xdr:col>69</xdr:col>
      <xdr:colOff>92075</xdr:colOff>
      <xdr:row>59</xdr:row>
      <xdr:rowOff>10795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004800" y="101854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144780</xdr:rowOff>
    </xdr:from>
    <xdr:to>
      <xdr:col>69</xdr:col>
      <xdr:colOff>142875</xdr:colOff>
      <xdr:row>59</xdr:row>
      <xdr:rowOff>7493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3843000" y="1008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8510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512800" y="985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44780</xdr:rowOff>
    </xdr:from>
    <xdr:to>
      <xdr:col>65</xdr:col>
      <xdr:colOff>53975</xdr:colOff>
      <xdr:row>59</xdr:row>
      <xdr:rowOff>7493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2954000" y="1008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8510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623800" y="985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19050</xdr:rowOff>
    </xdr:from>
    <xdr:to>
      <xdr:col>82</xdr:col>
      <xdr:colOff>158750</xdr:colOff>
      <xdr:row>59</xdr:row>
      <xdr:rowOff>12065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459200" y="1013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162577</xdr:rowOff>
    </xdr:from>
    <xdr:ext cx="762000" cy="25904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5989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99060</xdr:rowOff>
    </xdr:from>
    <xdr:to>
      <xdr:col>78</xdr:col>
      <xdr:colOff>120650</xdr:colOff>
      <xdr:row>61</xdr:row>
      <xdr:rowOff>2921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621000" y="1038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13987</xdr:rowOff>
    </xdr:from>
    <xdr:ext cx="7366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290800" y="10472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1430</xdr:rowOff>
    </xdr:from>
    <xdr:to>
      <xdr:col>74</xdr:col>
      <xdr:colOff>31750</xdr:colOff>
      <xdr:row>59</xdr:row>
      <xdr:rowOff>11303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732000" y="1012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9780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401800" y="1021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19050</xdr:rowOff>
    </xdr:from>
    <xdr:to>
      <xdr:col>69</xdr:col>
      <xdr:colOff>142875</xdr:colOff>
      <xdr:row>59</xdr:row>
      <xdr:rowOff>12065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3843000" y="1013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0542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512800" y="1022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57150</xdr:rowOff>
    </xdr:from>
    <xdr:to>
      <xdr:col>65</xdr:col>
      <xdr:colOff>53975</xdr:colOff>
      <xdr:row>59</xdr:row>
      <xdr:rowOff>158750</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29540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4352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62380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については、例年、類似団体平均値を大きく下回る状況となっている。</a:t>
          </a:r>
        </a:p>
        <a:p>
          <a:r>
            <a:rPr kumimoji="1" lang="ja-JP" altLang="en-US" sz="1300">
              <a:latin typeface="ＭＳ Ｐゴシック" panose="020B0600070205080204" pitchFamily="50" charset="-128"/>
              <a:ea typeface="ＭＳ Ｐゴシック" panose="020B0600070205080204" pitchFamily="50" charset="-128"/>
            </a:rPr>
            <a:t>　引き続き補助金・負担金の適正化に努める。</a:t>
          </a: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40</xdr:row>
      <xdr:rowOff>131572</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510000" y="5864860"/>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3649</xdr:rowOff>
    </xdr:from>
    <xdr:ext cx="762000" cy="259045"/>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598900" y="696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31572</xdr:rowOff>
    </xdr:from>
    <xdr:to>
      <xdr:col>82</xdr:col>
      <xdr:colOff>196850</xdr:colOff>
      <xdr:row>40</xdr:row>
      <xdr:rowOff>131572</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6989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598900" y="5608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5864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27000</xdr:rowOff>
    </xdr:from>
    <xdr:to>
      <xdr:col>82</xdr:col>
      <xdr:colOff>107950</xdr:colOff>
      <xdr:row>34</xdr:row>
      <xdr:rowOff>14986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5671800" y="595630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52849</xdr:rowOff>
    </xdr:from>
    <xdr:ext cx="762000" cy="259045"/>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598900" y="6225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4592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27000</xdr:rowOff>
    </xdr:from>
    <xdr:to>
      <xdr:col>78</xdr:col>
      <xdr:colOff>69850</xdr:colOff>
      <xdr:row>35</xdr:row>
      <xdr:rowOff>2413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4782800" y="59563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40716</xdr:rowOff>
    </xdr:from>
    <xdr:to>
      <xdr:col>73</xdr:col>
      <xdr:colOff>180975</xdr:colOff>
      <xdr:row>35</xdr:row>
      <xdr:rowOff>2413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3893800" y="5970016"/>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7056</xdr:rowOff>
    </xdr:from>
    <xdr:to>
      <xdr:col>74</xdr:col>
      <xdr:colOff>31750</xdr:colOff>
      <xdr:row>36</xdr:row>
      <xdr:rowOff>168656</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732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53433</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401800" y="6325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36144</xdr:rowOff>
    </xdr:from>
    <xdr:to>
      <xdr:col>69</xdr:col>
      <xdr:colOff>92075</xdr:colOff>
      <xdr:row>34</xdr:row>
      <xdr:rowOff>140716</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3004800" y="596544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37338</xdr:rowOff>
    </xdr:from>
    <xdr:to>
      <xdr:col>69</xdr:col>
      <xdr:colOff>142875</xdr:colOff>
      <xdr:row>37</xdr:row>
      <xdr:rowOff>138938</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3843000" y="638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23715</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512800" y="6467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9906</xdr:rowOff>
    </xdr:from>
    <xdr:to>
      <xdr:col>65</xdr:col>
      <xdr:colOff>53975</xdr:colOff>
      <xdr:row>37</xdr:row>
      <xdr:rowOff>111506</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2954000" y="63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96283</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623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99060</xdr:rowOff>
    </xdr:from>
    <xdr:to>
      <xdr:col>82</xdr:col>
      <xdr:colOff>158750</xdr:colOff>
      <xdr:row>35</xdr:row>
      <xdr:rowOff>29210</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459200" y="592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7637</xdr:rowOff>
    </xdr:from>
    <xdr:ext cx="762000" cy="259045"/>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598900" y="5836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76200</xdr:rowOff>
    </xdr:from>
    <xdr:to>
      <xdr:col>78</xdr:col>
      <xdr:colOff>120650</xdr:colOff>
      <xdr:row>35</xdr:row>
      <xdr:rowOff>6350</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621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527</xdr:rowOff>
    </xdr:from>
    <xdr:ext cx="7366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290800" y="567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44780</xdr:rowOff>
    </xdr:from>
    <xdr:to>
      <xdr:col>74</xdr:col>
      <xdr:colOff>31750</xdr:colOff>
      <xdr:row>35</xdr:row>
      <xdr:rowOff>74930</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7320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8510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401800" y="574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89916</xdr:rowOff>
    </xdr:from>
    <xdr:to>
      <xdr:col>69</xdr:col>
      <xdr:colOff>142875</xdr:colOff>
      <xdr:row>35</xdr:row>
      <xdr:rowOff>20066</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3843000" y="591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30243</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512800" y="5688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85344</xdr:rowOff>
    </xdr:from>
    <xdr:to>
      <xdr:col>65</xdr:col>
      <xdr:colOff>53975</xdr:colOff>
      <xdr:row>35</xdr:row>
      <xdr:rowOff>15494</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2954000" y="591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25671</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623800" y="5683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係る比率については、前年度と同数値となり、類似団体と比較して</a:t>
          </a:r>
          <a:r>
            <a:rPr kumimoji="1" lang="en-US" altLang="ja-JP" sz="1300">
              <a:latin typeface="ＭＳ Ｐゴシック" panose="020B0600070205080204" pitchFamily="50" charset="-128"/>
              <a:ea typeface="ＭＳ Ｐゴシック" panose="020B0600070205080204" pitchFamily="50" charset="-128"/>
            </a:rPr>
            <a:t>10.5</a:t>
          </a:r>
          <a:r>
            <a:rPr kumimoji="1" lang="ja-JP" altLang="en-US" sz="1300">
              <a:latin typeface="ＭＳ Ｐゴシック" panose="020B0600070205080204" pitchFamily="50" charset="-128"/>
              <a:ea typeface="ＭＳ Ｐゴシック" panose="020B0600070205080204" pitchFamily="50" charset="-128"/>
            </a:rPr>
            <a:t>ポイント下回った。</a:t>
          </a:r>
        </a:p>
        <a:p>
          <a:r>
            <a:rPr kumimoji="1" lang="ja-JP" altLang="en-US" sz="1300">
              <a:latin typeface="ＭＳ Ｐゴシック" panose="020B0600070205080204" pitchFamily="50" charset="-128"/>
              <a:ea typeface="ＭＳ Ｐゴシック" panose="020B0600070205080204" pitchFamily="50" charset="-128"/>
            </a:rPr>
            <a:t>　今後も健全な財政運営のため、事業費の削減に努めるとともに、将来の負担を考慮した地方債の計画的な活用に努める。</a:t>
          </a: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15367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26000" y="125095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14900" y="14013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4041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96520</xdr:rowOff>
    </xdr:from>
    <xdr:to>
      <xdr:col>24</xdr:col>
      <xdr:colOff>25400</xdr:colOff>
      <xdr:row>74</xdr:row>
      <xdr:rowOff>9652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3987800" y="127838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4947</xdr:rowOff>
    </xdr:from>
    <xdr:ext cx="762000" cy="25904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14900" y="13105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2870</xdr:rowOff>
    </xdr:from>
    <xdr:to>
      <xdr:col>24</xdr:col>
      <xdr:colOff>76200</xdr:colOff>
      <xdr:row>77</xdr:row>
      <xdr:rowOff>33020</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775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96520</xdr:rowOff>
    </xdr:from>
    <xdr:to>
      <xdr:col>19</xdr:col>
      <xdr:colOff>187325</xdr:colOff>
      <xdr:row>74</xdr:row>
      <xdr:rowOff>11557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098800" y="1278382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60961</xdr:rowOff>
    </xdr:from>
    <xdr:to>
      <xdr:col>20</xdr:col>
      <xdr:colOff>38100</xdr:colOff>
      <xdr:row>76</xdr:row>
      <xdr:rowOff>162561</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37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47338</xdr:rowOff>
    </xdr:from>
    <xdr:ext cx="7366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06800" y="13177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15570</xdr:rowOff>
    </xdr:from>
    <xdr:to>
      <xdr:col>15</xdr:col>
      <xdr:colOff>98425</xdr:colOff>
      <xdr:row>74</xdr:row>
      <xdr:rowOff>13462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2209800" y="1280287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0970</xdr:rowOff>
    </xdr:from>
    <xdr:to>
      <xdr:col>15</xdr:col>
      <xdr:colOff>149225</xdr:colOff>
      <xdr:row>77</xdr:row>
      <xdr:rowOff>71120</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48000" y="1317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5897</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17800" y="13257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23190</xdr:rowOff>
    </xdr:from>
    <xdr:to>
      <xdr:col>11</xdr:col>
      <xdr:colOff>9525</xdr:colOff>
      <xdr:row>74</xdr:row>
      <xdr:rowOff>13462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1320800" y="1281049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45720</xdr:rowOff>
    </xdr:from>
    <xdr:to>
      <xdr:col>11</xdr:col>
      <xdr:colOff>60325</xdr:colOff>
      <xdr:row>76</xdr:row>
      <xdr:rowOff>14732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59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3209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28800" y="1316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68580</xdr:rowOff>
    </xdr:from>
    <xdr:to>
      <xdr:col>6</xdr:col>
      <xdr:colOff>171450</xdr:colOff>
      <xdr:row>76</xdr:row>
      <xdr:rowOff>17018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70000" y="13098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5495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39800" y="13185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45720</xdr:rowOff>
    </xdr:from>
    <xdr:to>
      <xdr:col>24</xdr:col>
      <xdr:colOff>76200</xdr:colOff>
      <xdr:row>74</xdr:row>
      <xdr:rowOff>147320</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775200" y="12733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62247</xdr:rowOff>
    </xdr:from>
    <xdr:ext cx="762000" cy="25904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14900" y="1257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45720</xdr:rowOff>
    </xdr:from>
    <xdr:to>
      <xdr:col>20</xdr:col>
      <xdr:colOff>38100</xdr:colOff>
      <xdr:row>74</xdr:row>
      <xdr:rowOff>147320</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37000" y="12733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157497</xdr:rowOff>
    </xdr:from>
    <xdr:ext cx="7366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06800" y="12501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64770</xdr:rowOff>
    </xdr:from>
    <xdr:to>
      <xdr:col>15</xdr:col>
      <xdr:colOff>149225</xdr:colOff>
      <xdr:row>74</xdr:row>
      <xdr:rowOff>166370</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48000" y="12752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509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17800" y="12520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83820</xdr:rowOff>
    </xdr:from>
    <xdr:to>
      <xdr:col>11</xdr:col>
      <xdr:colOff>60325</xdr:colOff>
      <xdr:row>75</xdr:row>
      <xdr:rowOff>1397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59000" y="12771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2414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253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72390</xdr:rowOff>
    </xdr:from>
    <xdr:to>
      <xdr:col>6</xdr:col>
      <xdr:colOff>171450</xdr:colOff>
      <xdr:row>75</xdr:row>
      <xdr:rowOff>254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70000" y="12759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271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2528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に係る経常収支比率は、前年度と比較して</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上昇した。類似団体平均値との比較ではほぼ同水準である。</a:t>
          </a:r>
        </a:p>
        <a:p>
          <a:r>
            <a:rPr kumimoji="1" lang="ja-JP" altLang="en-US" sz="1300">
              <a:latin typeface="ＭＳ Ｐゴシック" panose="020B0600070205080204" pitchFamily="50" charset="-128"/>
              <a:ea typeface="ＭＳ Ｐゴシック" panose="020B0600070205080204" pitchFamily="50" charset="-128"/>
            </a:rPr>
            <a:t>　引き続き行財政改革等の取り組みにより、効果的な財政運営に努める。</a:t>
          </a: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2913</xdr:rowOff>
    </xdr:from>
    <xdr:to>
      <xdr:col>82</xdr:col>
      <xdr:colOff>107950</xdr:colOff>
      <xdr:row>82</xdr:row>
      <xdr:rowOff>97608</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598763"/>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69685</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4128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97608</xdr:rowOff>
    </xdr:from>
    <xdr:to>
      <xdr:col>82</xdr:col>
      <xdr:colOff>196850</xdr:colOff>
      <xdr:row>82</xdr:row>
      <xdr:rowOff>97608</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4156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9290</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34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2913</xdr:rowOff>
    </xdr:from>
    <xdr:to>
      <xdr:col>82</xdr:col>
      <xdr:colOff>196850</xdr:colOff>
      <xdr:row>73</xdr:row>
      <xdr:rowOff>82913</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59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76381</xdr:rowOff>
    </xdr:from>
    <xdr:to>
      <xdr:col>82</xdr:col>
      <xdr:colOff>107950</xdr:colOff>
      <xdr:row>77</xdr:row>
      <xdr:rowOff>89444</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5671800" y="13278031"/>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42108</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30723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5581</xdr:rowOff>
    </xdr:from>
    <xdr:to>
      <xdr:col>82</xdr:col>
      <xdr:colOff>158750</xdr:colOff>
      <xdr:row>77</xdr:row>
      <xdr:rowOff>127181</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227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69850</xdr:rowOff>
    </xdr:from>
    <xdr:to>
      <xdr:col>78</xdr:col>
      <xdr:colOff>69850</xdr:colOff>
      <xdr:row>77</xdr:row>
      <xdr:rowOff>76381</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4782800" y="13271500"/>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8451</xdr:rowOff>
    </xdr:from>
    <xdr:to>
      <xdr:col>78</xdr:col>
      <xdr:colOff>120650</xdr:colOff>
      <xdr:row>77</xdr:row>
      <xdr:rowOff>58601</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15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8778</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29275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69850</xdr:rowOff>
    </xdr:from>
    <xdr:to>
      <xdr:col>73</xdr:col>
      <xdr:colOff>180975</xdr:colOff>
      <xdr:row>77</xdr:row>
      <xdr:rowOff>105773</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3893800" y="13271500"/>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68036</xdr:rowOff>
    </xdr:from>
    <xdr:to>
      <xdr:col>74</xdr:col>
      <xdr:colOff>31750</xdr:colOff>
      <xdr:row>77</xdr:row>
      <xdr:rowOff>169636</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269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54413</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356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05773</xdr:rowOff>
    </xdr:from>
    <xdr:to>
      <xdr:col>69</xdr:col>
      <xdr:colOff>92075</xdr:colOff>
      <xdr:row>78</xdr:row>
      <xdr:rowOff>29029</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3004800" y="13307423"/>
          <a:ext cx="8890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9</xdr:row>
      <xdr:rowOff>2721</xdr:rowOff>
    </xdr:from>
    <xdr:to>
      <xdr:col>69</xdr:col>
      <xdr:colOff>142875</xdr:colOff>
      <xdr:row>79</xdr:row>
      <xdr:rowOff>104321</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547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89098</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3633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41514</xdr:rowOff>
    </xdr:from>
    <xdr:to>
      <xdr:col>65</xdr:col>
      <xdr:colOff>53975</xdr:colOff>
      <xdr:row>79</xdr:row>
      <xdr:rowOff>71664</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514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56441</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38644</xdr:rowOff>
    </xdr:from>
    <xdr:to>
      <xdr:col>82</xdr:col>
      <xdr:colOff>158750</xdr:colOff>
      <xdr:row>77</xdr:row>
      <xdr:rowOff>140244</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240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0721</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2123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25581</xdr:rowOff>
    </xdr:from>
    <xdr:to>
      <xdr:col>78</xdr:col>
      <xdr:colOff>120650</xdr:colOff>
      <xdr:row>77</xdr:row>
      <xdr:rowOff>127181</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3227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11958</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33136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9050</xdr:rowOff>
    </xdr:from>
    <xdr:to>
      <xdr:col>74</xdr:col>
      <xdr:colOff>31750</xdr:colOff>
      <xdr:row>77</xdr:row>
      <xdr:rowOff>120650</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3082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298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54973</xdr:rowOff>
    </xdr:from>
    <xdr:to>
      <xdr:col>69</xdr:col>
      <xdr:colOff>142875</xdr:colOff>
      <xdr:row>77</xdr:row>
      <xdr:rowOff>156573</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256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66750</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0255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9679</xdr:rowOff>
    </xdr:from>
    <xdr:to>
      <xdr:col>65</xdr:col>
      <xdr:colOff>53975</xdr:colOff>
      <xdr:row>78</xdr:row>
      <xdr:rowOff>79829</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35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90006</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120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奥多摩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658</xdr:rowOff>
    </xdr:from>
    <xdr:to>
      <xdr:col>29</xdr:col>
      <xdr:colOff>127000</xdr:colOff>
      <xdr:row>19</xdr:row>
      <xdr:rowOff>134600</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flipV="1">
          <a:off x="5651500" y="1891783"/>
          <a:ext cx="0" cy="15479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677</xdr:rowOff>
    </xdr:from>
    <xdr:ext cx="762000" cy="259045"/>
    <xdr:sp macro="" textlink="">
      <xdr:nvSpPr>
        <xdr:cNvPr id="47" name="人口1人当たり決算額の推移最小値テキスト130">
          <a:extLst>
            <a:ext uri="{FF2B5EF4-FFF2-40B4-BE49-F238E27FC236}">
              <a16:creationId xmlns:a16="http://schemas.microsoft.com/office/drawing/2014/main" id="{00000000-0008-0000-0500-00002F000000}"/>
            </a:ext>
          </a:extLst>
        </xdr:cNvPr>
        <xdr:cNvSpPr txBox="1"/>
      </xdr:nvSpPr>
      <xdr:spPr>
        <a:xfrm>
          <a:off x="5740400" y="341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600</xdr:rowOff>
    </xdr:from>
    <xdr:to>
      <xdr:col>30</xdr:col>
      <xdr:colOff>25400</xdr:colOff>
      <xdr:row>19</xdr:row>
      <xdr:rowOff>134600</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a:off x="5562600" y="34397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585</xdr:rowOff>
    </xdr:from>
    <xdr:ext cx="762000" cy="259045"/>
    <xdr:sp macro="" textlink="">
      <xdr:nvSpPr>
        <xdr:cNvPr id="49" name="人口1人当たり決算額の推移最大値テキスト130">
          <a:extLst>
            <a:ext uri="{FF2B5EF4-FFF2-40B4-BE49-F238E27FC236}">
              <a16:creationId xmlns:a16="http://schemas.microsoft.com/office/drawing/2014/main" id="{00000000-0008-0000-0500-000031000000}"/>
            </a:ext>
          </a:extLst>
        </xdr:cNvPr>
        <xdr:cNvSpPr txBox="1"/>
      </xdr:nvSpPr>
      <xdr:spPr>
        <a:xfrm>
          <a:off x="5740400" y="163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658</xdr:rowOff>
    </xdr:from>
    <xdr:to>
      <xdr:col>30</xdr:col>
      <xdr:colOff>25400</xdr:colOff>
      <xdr:row>10</xdr:row>
      <xdr:rowOff>129658</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562600" y="18917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11719</xdr:rowOff>
    </xdr:from>
    <xdr:to>
      <xdr:col>29</xdr:col>
      <xdr:colOff>127000</xdr:colOff>
      <xdr:row>18</xdr:row>
      <xdr:rowOff>12725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flipV="1">
          <a:off x="5003800" y="3245444"/>
          <a:ext cx="647700" cy="155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49173</xdr:rowOff>
    </xdr:from>
    <xdr:ext cx="762000" cy="259045"/>
    <xdr:sp macro="" textlink="">
      <xdr:nvSpPr>
        <xdr:cNvPr id="52" name="人口1人当たり決算額の推移平均値テキスト130">
          <a:extLst>
            <a:ext uri="{FF2B5EF4-FFF2-40B4-BE49-F238E27FC236}">
              <a16:creationId xmlns:a16="http://schemas.microsoft.com/office/drawing/2014/main" id="{00000000-0008-0000-0500-000034000000}"/>
            </a:ext>
          </a:extLst>
        </xdr:cNvPr>
        <xdr:cNvSpPr txBox="1"/>
      </xdr:nvSpPr>
      <xdr:spPr>
        <a:xfrm>
          <a:off x="5740400" y="2939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646</xdr:rowOff>
    </xdr:from>
    <xdr:to>
      <xdr:col>29</xdr:col>
      <xdr:colOff>177800</xdr:colOff>
      <xdr:row>18</xdr:row>
      <xdr:rowOff>62796</xdr:rowOff>
    </xdr:to>
    <xdr:sp macro="" textlink="">
      <xdr:nvSpPr>
        <xdr:cNvPr id="53" name="フローチャート: 判断 52">
          <a:extLst>
            <a:ext uri="{FF2B5EF4-FFF2-40B4-BE49-F238E27FC236}">
              <a16:creationId xmlns:a16="http://schemas.microsoft.com/office/drawing/2014/main" id="{00000000-0008-0000-0500-000035000000}"/>
            </a:ext>
          </a:extLst>
        </xdr:cNvPr>
        <xdr:cNvSpPr/>
      </xdr:nvSpPr>
      <xdr:spPr bwMode="auto">
        <a:xfrm>
          <a:off x="5600700" y="30949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27257</xdr:rowOff>
    </xdr:from>
    <xdr:to>
      <xdr:col>26</xdr:col>
      <xdr:colOff>50800</xdr:colOff>
      <xdr:row>18</xdr:row>
      <xdr:rowOff>139038</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4305300" y="3260982"/>
          <a:ext cx="698500" cy="117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7912</xdr:rowOff>
    </xdr:from>
    <xdr:to>
      <xdr:col>26</xdr:col>
      <xdr:colOff>101600</xdr:colOff>
      <xdr:row>18</xdr:row>
      <xdr:rowOff>88062</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953000" y="31201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98239</xdr:rowOff>
    </xdr:from>
    <xdr:ext cx="7366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4622800" y="28890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39038</xdr:rowOff>
    </xdr:from>
    <xdr:to>
      <xdr:col>22</xdr:col>
      <xdr:colOff>114300</xdr:colOff>
      <xdr:row>18</xdr:row>
      <xdr:rowOff>152797</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3606800" y="3272763"/>
          <a:ext cx="698500" cy="137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461</xdr:rowOff>
    </xdr:from>
    <xdr:to>
      <xdr:col>22</xdr:col>
      <xdr:colOff>165100</xdr:colOff>
      <xdr:row>18</xdr:row>
      <xdr:rowOff>9761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2545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0778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924300" y="2898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52797</xdr:rowOff>
    </xdr:from>
    <xdr:to>
      <xdr:col>18</xdr:col>
      <xdr:colOff>177800</xdr:colOff>
      <xdr:row>18</xdr:row>
      <xdr:rowOff>168513</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2908300" y="3286522"/>
          <a:ext cx="698500" cy="157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9</xdr:row>
      <xdr:rowOff>9035</xdr:rowOff>
    </xdr:from>
    <xdr:to>
      <xdr:col>19</xdr:col>
      <xdr:colOff>38100</xdr:colOff>
      <xdr:row>19</xdr:row>
      <xdr:rowOff>110635</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3556000" y="33142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9541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225800" y="3400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5250</xdr:rowOff>
    </xdr:from>
    <xdr:to>
      <xdr:col>15</xdr:col>
      <xdr:colOff>101600</xdr:colOff>
      <xdr:row>19</xdr:row>
      <xdr:rowOff>116850</xdr:rowOff>
    </xdr:to>
    <xdr:sp macro="" textlink="">
      <xdr:nvSpPr>
        <xdr:cNvPr id="63" name="フローチャート: 判断 62">
          <a:extLst>
            <a:ext uri="{FF2B5EF4-FFF2-40B4-BE49-F238E27FC236}">
              <a16:creationId xmlns:a16="http://schemas.microsoft.com/office/drawing/2014/main" id="{00000000-0008-0000-0500-00003F000000}"/>
            </a:ext>
          </a:extLst>
        </xdr:cNvPr>
        <xdr:cNvSpPr/>
      </xdr:nvSpPr>
      <xdr:spPr bwMode="auto">
        <a:xfrm>
          <a:off x="2857500" y="332042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01627</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2527300" y="3406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60919</xdr:rowOff>
    </xdr:from>
    <xdr:to>
      <xdr:col>29</xdr:col>
      <xdr:colOff>177800</xdr:colOff>
      <xdr:row>18</xdr:row>
      <xdr:rowOff>162519</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5600700" y="31946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32996</xdr:rowOff>
    </xdr:from>
    <xdr:ext cx="762000" cy="259045"/>
    <xdr:sp macro="" textlink="">
      <xdr:nvSpPr>
        <xdr:cNvPr id="71" name="人口1人当たり決算額の推移該当値テキスト130">
          <a:extLst>
            <a:ext uri="{FF2B5EF4-FFF2-40B4-BE49-F238E27FC236}">
              <a16:creationId xmlns:a16="http://schemas.microsoft.com/office/drawing/2014/main" id="{00000000-0008-0000-0500-000047000000}"/>
            </a:ext>
          </a:extLst>
        </xdr:cNvPr>
        <xdr:cNvSpPr txBox="1"/>
      </xdr:nvSpPr>
      <xdr:spPr>
        <a:xfrm>
          <a:off x="5740400" y="3166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76458</xdr:rowOff>
    </xdr:from>
    <xdr:to>
      <xdr:col>26</xdr:col>
      <xdr:colOff>101600</xdr:colOff>
      <xdr:row>19</xdr:row>
      <xdr:rowOff>6607</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4953000" y="3210183"/>
          <a:ext cx="101600" cy="101599"/>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62834</xdr:rowOff>
    </xdr:from>
    <xdr:ext cx="7366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4622800" y="32965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88239</xdr:rowOff>
    </xdr:from>
    <xdr:to>
      <xdr:col>22</xdr:col>
      <xdr:colOff>165100</xdr:colOff>
      <xdr:row>19</xdr:row>
      <xdr:rowOff>18389</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4254500" y="32219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3165</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3924300" y="3308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01997</xdr:rowOff>
    </xdr:from>
    <xdr:to>
      <xdr:col>19</xdr:col>
      <xdr:colOff>38100</xdr:colOff>
      <xdr:row>19</xdr:row>
      <xdr:rowOff>32147</xdr:rowOff>
    </xdr:to>
    <xdr:sp macro="" textlink="">
      <xdr:nvSpPr>
        <xdr:cNvPr id="76" name="楕円 75">
          <a:extLst>
            <a:ext uri="{FF2B5EF4-FFF2-40B4-BE49-F238E27FC236}">
              <a16:creationId xmlns:a16="http://schemas.microsoft.com/office/drawing/2014/main" id="{00000000-0008-0000-0500-00004C000000}"/>
            </a:ext>
          </a:extLst>
        </xdr:cNvPr>
        <xdr:cNvSpPr/>
      </xdr:nvSpPr>
      <xdr:spPr bwMode="auto">
        <a:xfrm>
          <a:off x="3556000" y="32357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42324</xdr:rowOff>
    </xdr:from>
    <xdr:ext cx="762000" cy="259045"/>
    <xdr:sp macro="" textlink="">
      <xdr:nvSpPr>
        <xdr:cNvPr id="77" name="テキスト ボックス 76">
          <a:extLst>
            <a:ext uri="{FF2B5EF4-FFF2-40B4-BE49-F238E27FC236}">
              <a16:creationId xmlns:a16="http://schemas.microsoft.com/office/drawing/2014/main" id="{00000000-0008-0000-0500-00004D000000}"/>
            </a:ext>
          </a:extLst>
        </xdr:cNvPr>
        <xdr:cNvSpPr txBox="1"/>
      </xdr:nvSpPr>
      <xdr:spPr>
        <a:xfrm>
          <a:off x="3225800" y="30045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17713</xdr:rowOff>
    </xdr:from>
    <xdr:to>
      <xdr:col>15</xdr:col>
      <xdr:colOff>101600</xdr:colOff>
      <xdr:row>19</xdr:row>
      <xdr:rowOff>47863</xdr:rowOff>
    </xdr:to>
    <xdr:sp macro="" textlink="">
      <xdr:nvSpPr>
        <xdr:cNvPr id="78" name="楕円 77">
          <a:extLst>
            <a:ext uri="{FF2B5EF4-FFF2-40B4-BE49-F238E27FC236}">
              <a16:creationId xmlns:a16="http://schemas.microsoft.com/office/drawing/2014/main" id="{00000000-0008-0000-0500-00004E000000}"/>
            </a:ext>
          </a:extLst>
        </xdr:cNvPr>
        <xdr:cNvSpPr/>
      </xdr:nvSpPr>
      <xdr:spPr bwMode="auto">
        <a:xfrm>
          <a:off x="2857500" y="32514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58040</xdr:rowOff>
    </xdr:from>
    <xdr:ext cx="762000" cy="259045"/>
    <xdr:sp macro="" textlink="">
      <xdr:nvSpPr>
        <xdr:cNvPr id="79" name="テキスト ボックス 78">
          <a:extLst>
            <a:ext uri="{FF2B5EF4-FFF2-40B4-BE49-F238E27FC236}">
              <a16:creationId xmlns:a16="http://schemas.microsoft.com/office/drawing/2014/main" id="{00000000-0008-0000-0500-00004F000000}"/>
            </a:ext>
          </a:extLst>
        </xdr:cNvPr>
        <xdr:cNvSpPr txBox="1"/>
      </xdr:nvSpPr>
      <xdr:spPr>
        <a:xfrm>
          <a:off x="2527300" y="3020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9339</xdr:rowOff>
    </xdr:from>
    <xdr:to>
      <xdr:col>29</xdr:col>
      <xdr:colOff>127000</xdr:colOff>
      <xdr:row>37</xdr:row>
      <xdr:rowOff>174728</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143889"/>
          <a:ext cx="0" cy="115553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6805</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27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4728</xdr:rowOff>
    </xdr:from>
    <xdr:to>
      <xdr:col>30</xdr:col>
      <xdr:colOff>25400</xdr:colOff>
      <xdr:row>37</xdr:row>
      <xdr:rowOff>174728</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2994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4266</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887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9339</xdr:rowOff>
    </xdr:from>
    <xdr:to>
      <xdr:col>30</xdr:col>
      <xdr:colOff>25400</xdr:colOff>
      <xdr:row>33</xdr:row>
      <xdr:rowOff>219339</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14388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75607</xdr:rowOff>
    </xdr:from>
    <xdr:to>
      <xdr:col>29</xdr:col>
      <xdr:colOff>127000</xdr:colOff>
      <xdr:row>36</xdr:row>
      <xdr:rowOff>80232</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003800" y="7028857"/>
          <a:ext cx="647700" cy="46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67384</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7777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2307</xdr:rowOff>
    </xdr:from>
    <xdr:to>
      <xdr:col>29</xdr:col>
      <xdr:colOff>177800</xdr:colOff>
      <xdr:row>36</xdr:row>
      <xdr:rowOff>81007</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9326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80232</xdr:rowOff>
    </xdr:from>
    <xdr:to>
      <xdr:col>26</xdr:col>
      <xdr:colOff>50800</xdr:colOff>
      <xdr:row>36</xdr:row>
      <xdr:rowOff>94649</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4305300" y="7033482"/>
          <a:ext cx="698500" cy="144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128</xdr:rowOff>
    </xdr:from>
    <xdr:to>
      <xdr:col>26</xdr:col>
      <xdr:colOff>101600</xdr:colOff>
      <xdr:row>36</xdr:row>
      <xdr:rowOff>104728</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956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4905</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7252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94649</xdr:rowOff>
    </xdr:from>
    <xdr:to>
      <xdr:col>22</xdr:col>
      <xdr:colOff>114300</xdr:colOff>
      <xdr:row>36</xdr:row>
      <xdr:rowOff>99012</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3606800" y="7047899"/>
          <a:ext cx="698500" cy="43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9222</xdr:rowOff>
    </xdr:from>
    <xdr:to>
      <xdr:col>22</xdr:col>
      <xdr:colOff>165100</xdr:colOff>
      <xdr:row>36</xdr:row>
      <xdr:rowOff>8792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9395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9809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670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99012</xdr:rowOff>
    </xdr:from>
    <xdr:to>
      <xdr:col>18</xdr:col>
      <xdr:colOff>177800</xdr:colOff>
      <xdr:row>36</xdr:row>
      <xdr:rowOff>119190</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2908300" y="7052262"/>
          <a:ext cx="698500" cy="201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52010</xdr:rowOff>
    </xdr:from>
    <xdr:to>
      <xdr:col>19</xdr:col>
      <xdr:colOff>38100</xdr:colOff>
      <xdr:row>36</xdr:row>
      <xdr:rowOff>153610</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70052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3838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7091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5073</xdr:rowOff>
    </xdr:from>
    <xdr:to>
      <xdr:col>15</xdr:col>
      <xdr:colOff>101600</xdr:colOff>
      <xdr:row>36</xdr:row>
      <xdr:rowOff>156673</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70083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66850</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777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24807</xdr:rowOff>
    </xdr:from>
    <xdr:to>
      <xdr:col>29</xdr:col>
      <xdr:colOff>177800</xdr:colOff>
      <xdr:row>36</xdr:row>
      <xdr:rowOff>126407</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69780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9784</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6950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29432</xdr:rowOff>
    </xdr:from>
    <xdr:to>
      <xdr:col>26</xdr:col>
      <xdr:colOff>101600</xdr:colOff>
      <xdr:row>36</xdr:row>
      <xdr:rowOff>131032</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69826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15809</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70690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43849</xdr:rowOff>
    </xdr:from>
    <xdr:to>
      <xdr:col>22</xdr:col>
      <xdr:colOff>165100</xdr:colOff>
      <xdr:row>36</xdr:row>
      <xdr:rowOff>145449</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69970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30226</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7083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48212</xdr:rowOff>
    </xdr:from>
    <xdr:to>
      <xdr:col>19</xdr:col>
      <xdr:colOff>38100</xdr:colOff>
      <xdr:row>36</xdr:row>
      <xdr:rowOff>149812</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70014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59989</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6770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8390</xdr:rowOff>
    </xdr:from>
    <xdr:to>
      <xdr:col>15</xdr:col>
      <xdr:colOff>101600</xdr:colOff>
      <xdr:row>36</xdr:row>
      <xdr:rowOff>169990</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0216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54767</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108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奥多摩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746
4,685
225.53
7,652,031
7,356,246
242,755
2,828,157
1,651,2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144434</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6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38299</xdr:rowOff>
    </xdr:from>
    <xdr:ext cx="685572" cy="259045"/>
    <xdr:sp macro="" textlink="">
      <xdr:nvSpPr>
        <xdr:cNvPr id="53" name="テキスト ボックス 52">
          <a:extLst>
            <a:ext uri="{FF2B5EF4-FFF2-40B4-BE49-F238E27FC236}">
              <a16:creationId xmlns:a16="http://schemas.microsoft.com/office/drawing/2014/main" id="{00000000-0008-0000-0600-000035000000}"/>
            </a:ext>
          </a:extLst>
        </xdr:cNvPr>
        <xdr:cNvSpPr txBox="1"/>
      </xdr:nvSpPr>
      <xdr:spPr>
        <a:xfrm>
          <a:off x="76428" y="5010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5" name="テキスト ボックス 54">
          <a:extLst>
            <a:ext uri="{FF2B5EF4-FFF2-40B4-BE49-F238E27FC236}">
              <a16:creationId xmlns:a16="http://schemas.microsoft.com/office/drawing/2014/main" id="{00000000-0008-0000-0600-000037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人件費グラフ枠">
          <a:extLst>
            <a:ext uri="{FF2B5EF4-FFF2-40B4-BE49-F238E27FC236}">
              <a16:creationId xmlns:a16="http://schemas.microsoft.com/office/drawing/2014/main" id="{00000000-0008-0000-06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0522</xdr:rowOff>
    </xdr:from>
    <xdr:to>
      <xdr:col>24</xdr:col>
      <xdr:colOff>62865</xdr:colOff>
      <xdr:row>38</xdr:row>
      <xdr:rowOff>11971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flipV="1">
          <a:off x="4633595" y="5174022"/>
          <a:ext cx="1270" cy="1460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3541</xdr:rowOff>
    </xdr:from>
    <xdr:ext cx="534377" cy="259045"/>
    <xdr:sp macro="" textlink="">
      <xdr:nvSpPr>
        <xdr:cNvPr id="58" name="人件費最小値テキスト">
          <a:extLst>
            <a:ext uri="{FF2B5EF4-FFF2-40B4-BE49-F238E27FC236}">
              <a16:creationId xmlns:a16="http://schemas.microsoft.com/office/drawing/2014/main" id="{00000000-0008-0000-0600-00003A000000}"/>
            </a:ext>
          </a:extLst>
        </xdr:cNvPr>
        <xdr:cNvSpPr txBox="1"/>
      </xdr:nvSpPr>
      <xdr:spPr>
        <a:xfrm>
          <a:off x="4686300" y="663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9714</xdr:rowOff>
    </xdr:from>
    <xdr:to>
      <xdr:col>24</xdr:col>
      <xdr:colOff>152400</xdr:colOff>
      <xdr:row>38</xdr:row>
      <xdr:rowOff>119714</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4546600" y="663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8649</xdr:rowOff>
    </xdr:from>
    <xdr:ext cx="599010" cy="259045"/>
    <xdr:sp macro="" textlink="">
      <xdr:nvSpPr>
        <xdr:cNvPr id="60" name="人件費最大値テキスト">
          <a:extLst>
            <a:ext uri="{FF2B5EF4-FFF2-40B4-BE49-F238E27FC236}">
              <a16:creationId xmlns:a16="http://schemas.microsoft.com/office/drawing/2014/main" id="{00000000-0008-0000-0600-00003C000000}"/>
            </a:ext>
          </a:extLst>
        </xdr:cNvPr>
        <xdr:cNvSpPr txBox="1"/>
      </xdr:nvSpPr>
      <xdr:spPr>
        <a:xfrm>
          <a:off x="4686300" y="4949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0522</xdr:rowOff>
    </xdr:from>
    <xdr:to>
      <xdr:col>24</xdr:col>
      <xdr:colOff>152400</xdr:colOff>
      <xdr:row>30</xdr:row>
      <xdr:rowOff>3052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4546600" y="5174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84018</xdr:rowOff>
    </xdr:from>
    <xdr:to>
      <xdr:col>24</xdr:col>
      <xdr:colOff>63500</xdr:colOff>
      <xdr:row>37</xdr:row>
      <xdr:rowOff>101127</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flipV="1">
          <a:off x="3797300" y="6427668"/>
          <a:ext cx="838200" cy="17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8165</xdr:rowOff>
    </xdr:from>
    <xdr:ext cx="599010" cy="259045"/>
    <xdr:sp macro="" textlink="">
      <xdr:nvSpPr>
        <xdr:cNvPr id="63" name="人件費平均値テキスト">
          <a:extLst>
            <a:ext uri="{FF2B5EF4-FFF2-40B4-BE49-F238E27FC236}">
              <a16:creationId xmlns:a16="http://schemas.microsoft.com/office/drawing/2014/main" id="{00000000-0008-0000-0600-00003F000000}"/>
            </a:ext>
          </a:extLst>
        </xdr:cNvPr>
        <xdr:cNvSpPr txBox="1"/>
      </xdr:nvSpPr>
      <xdr:spPr>
        <a:xfrm>
          <a:off x="4686300" y="61689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5288</xdr:rowOff>
    </xdr:from>
    <xdr:to>
      <xdr:col>24</xdr:col>
      <xdr:colOff>114300</xdr:colOff>
      <xdr:row>37</xdr:row>
      <xdr:rowOff>75438</xdr:rowOff>
    </xdr:to>
    <xdr:sp macro="" textlink="">
      <xdr:nvSpPr>
        <xdr:cNvPr id="64" name="フローチャート: 判断 63">
          <a:extLst>
            <a:ext uri="{FF2B5EF4-FFF2-40B4-BE49-F238E27FC236}">
              <a16:creationId xmlns:a16="http://schemas.microsoft.com/office/drawing/2014/main" id="{00000000-0008-0000-0600-000040000000}"/>
            </a:ext>
          </a:extLst>
        </xdr:cNvPr>
        <xdr:cNvSpPr/>
      </xdr:nvSpPr>
      <xdr:spPr>
        <a:xfrm>
          <a:off x="4584700" y="631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01127</xdr:rowOff>
    </xdr:from>
    <xdr:to>
      <xdr:col>19</xdr:col>
      <xdr:colOff>177800</xdr:colOff>
      <xdr:row>37</xdr:row>
      <xdr:rowOff>115462</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908300" y="6444777"/>
          <a:ext cx="889000" cy="14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6147</xdr:rowOff>
    </xdr:from>
    <xdr:to>
      <xdr:col>20</xdr:col>
      <xdr:colOff>38100</xdr:colOff>
      <xdr:row>37</xdr:row>
      <xdr:rowOff>96297</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3746500" y="6338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112824</xdr:rowOff>
    </xdr:from>
    <xdr:ext cx="599010"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3497795" y="61135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15462</xdr:rowOff>
    </xdr:from>
    <xdr:to>
      <xdr:col>15</xdr:col>
      <xdr:colOff>50800</xdr:colOff>
      <xdr:row>37</xdr:row>
      <xdr:rowOff>159309</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019300" y="6459112"/>
          <a:ext cx="889000" cy="43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70567</xdr:rowOff>
    </xdr:from>
    <xdr:to>
      <xdr:col>15</xdr:col>
      <xdr:colOff>101600</xdr:colOff>
      <xdr:row>37</xdr:row>
      <xdr:rowOff>10071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2857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17244</xdr:rowOff>
    </xdr:from>
    <xdr:ext cx="599010"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2608795" y="61179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59309</xdr:rowOff>
    </xdr:from>
    <xdr:to>
      <xdr:col>10</xdr:col>
      <xdr:colOff>114300</xdr:colOff>
      <xdr:row>37</xdr:row>
      <xdr:rowOff>167205</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flipV="1">
          <a:off x="1130300" y="6502959"/>
          <a:ext cx="889000" cy="7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22998</xdr:rowOff>
    </xdr:from>
    <xdr:to>
      <xdr:col>10</xdr:col>
      <xdr:colOff>165100</xdr:colOff>
      <xdr:row>38</xdr:row>
      <xdr:rowOff>124598</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1968500" y="6538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8</xdr:row>
      <xdr:rowOff>115725</xdr:rowOff>
    </xdr:from>
    <xdr:ext cx="59901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1719795" y="66308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28756</xdr:rowOff>
    </xdr:from>
    <xdr:to>
      <xdr:col>6</xdr:col>
      <xdr:colOff>38100</xdr:colOff>
      <xdr:row>38</xdr:row>
      <xdr:rowOff>130356</xdr:rowOff>
    </xdr:to>
    <xdr:sp macro="" textlink="">
      <xdr:nvSpPr>
        <xdr:cNvPr id="74" name="フローチャート: 判断 73">
          <a:extLst>
            <a:ext uri="{FF2B5EF4-FFF2-40B4-BE49-F238E27FC236}">
              <a16:creationId xmlns:a16="http://schemas.microsoft.com/office/drawing/2014/main" id="{00000000-0008-0000-0600-00004A000000}"/>
            </a:ext>
          </a:extLst>
        </xdr:cNvPr>
        <xdr:cNvSpPr/>
      </xdr:nvSpPr>
      <xdr:spPr>
        <a:xfrm>
          <a:off x="1079500" y="6543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8</xdr:row>
      <xdr:rowOff>121483</xdr:rowOff>
    </xdr:from>
    <xdr:ext cx="59901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830795" y="6636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3218</xdr:rowOff>
    </xdr:from>
    <xdr:to>
      <xdr:col>24</xdr:col>
      <xdr:colOff>114300</xdr:colOff>
      <xdr:row>37</xdr:row>
      <xdr:rowOff>134818</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4584700" y="637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1645</xdr:rowOff>
    </xdr:from>
    <xdr:ext cx="599010" cy="259045"/>
    <xdr:sp macro="" textlink="">
      <xdr:nvSpPr>
        <xdr:cNvPr id="82" name="人件費該当値テキスト">
          <a:extLst>
            <a:ext uri="{FF2B5EF4-FFF2-40B4-BE49-F238E27FC236}">
              <a16:creationId xmlns:a16="http://schemas.microsoft.com/office/drawing/2014/main" id="{00000000-0008-0000-0600-000052000000}"/>
            </a:ext>
          </a:extLst>
        </xdr:cNvPr>
        <xdr:cNvSpPr txBox="1"/>
      </xdr:nvSpPr>
      <xdr:spPr>
        <a:xfrm>
          <a:off x="4686300" y="63552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50327</xdr:rowOff>
    </xdr:from>
    <xdr:to>
      <xdr:col>20</xdr:col>
      <xdr:colOff>38100</xdr:colOff>
      <xdr:row>37</xdr:row>
      <xdr:rowOff>151927</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3746500" y="6393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143054</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3497795" y="6486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64662</xdr:rowOff>
    </xdr:from>
    <xdr:to>
      <xdr:col>15</xdr:col>
      <xdr:colOff>101600</xdr:colOff>
      <xdr:row>37</xdr:row>
      <xdr:rowOff>166262</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2857500" y="6408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157389</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2608795" y="65010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8509</xdr:rowOff>
    </xdr:from>
    <xdr:to>
      <xdr:col>10</xdr:col>
      <xdr:colOff>165100</xdr:colOff>
      <xdr:row>38</xdr:row>
      <xdr:rowOff>38659</xdr:rowOff>
    </xdr:to>
    <xdr:sp macro="" textlink="">
      <xdr:nvSpPr>
        <xdr:cNvPr id="87" name="楕円 86">
          <a:extLst>
            <a:ext uri="{FF2B5EF4-FFF2-40B4-BE49-F238E27FC236}">
              <a16:creationId xmlns:a16="http://schemas.microsoft.com/office/drawing/2014/main" id="{00000000-0008-0000-0600-000057000000}"/>
            </a:ext>
          </a:extLst>
        </xdr:cNvPr>
        <xdr:cNvSpPr/>
      </xdr:nvSpPr>
      <xdr:spPr>
        <a:xfrm>
          <a:off x="1968500" y="6452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6</xdr:row>
      <xdr:rowOff>55186</xdr:rowOff>
    </xdr:from>
    <xdr:ext cx="599010" cy="259045"/>
    <xdr:sp macro="" textlink="">
      <xdr:nvSpPr>
        <xdr:cNvPr id="88" name="テキスト ボックス 87">
          <a:extLst>
            <a:ext uri="{FF2B5EF4-FFF2-40B4-BE49-F238E27FC236}">
              <a16:creationId xmlns:a16="http://schemas.microsoft.com/office/drawing/2014/main" id="{00000000-0008-0000-0600-000058000000}"/>
            </a:ext>
          </a:extLst>
        </xdr:cNvPr>
        <xdr:cNvSpPr txBox="1"/>
      </xdr:nvSpPr>
      <xdr:spPr>
        <a:xfrm>
          <a:off x="1719795" y="6227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16405</xdr:rowOff>
    </xdr:from>
    <xdr:to>
      <xdr:col>6</xdr:col>
      <xdr:colOff>38100</xdr:colOff>
      <xdr:row>38</xdr:row>
      <xdr:rowOff>46555</xdr:rowOff>
    </xdr:to>
    <xdr:sp macro="" textlink="">
      <xdr:nvSpPr>
        <xdr:cNvPr id="89" name="楕円 88">
          <a:extLst>
            <a:ext uri="{FF2B5EF4-FFF2-40B4-BE49-F238E27FC236}">
              <a16:creationId xmlns:a16="http://schemas.microsoft.com/office/drawing/2014/main" id="{00000000-0008-0000-0600-000059000000}"/>
            </a:ext>
          </a:extLst>
        </xdr:cNvPr>
        <xdr:cNvSpPr/>
      </xdr:nvSpPr>
      <xdr:spPr>
        <a:xfrm>
          <a:off x="1079500" y="6460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6</xdr:row>
      <xdr:rowOff>63082</xdr:rowOff>
    </xdr:from>
    <xdr:ext cx="599010" cy="259045"/>
    <xdr:sp macro="" textlink="">
      <xdr:nvSpPr>
        <xdr:cNvPr id="90" name="テキスト ボックス 89">
          <a:extLst>
            <a:ext uri="{FF2B5EF4-FFF2-40B4-BE49-F238E27FC236}">
              <a16:creationId xmlns:a16="http://schemas.microsoft.com/office/drawing/2014/main" id="{00000000-0008-0000-0600-00005A000000}"/>
            </a:ext>
          </a:extLst>
        </xdr:cNvPr>
        <xdr:cNvSpPr txBox="1"/>
      </xdr:nvSpPr>
      <xdr:spPr>
        <a:xfrm>
          <a:off x="830795" y="62352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412</xdr:rowOff>
    </xdr:from>
    <xdr:to>
      <xdr:col>24</xdr:col>
      <xdr:colOff>62865</xdr:colOff>
      <xdr:row>58</xdr:row>
      <xdr:rowOff>14552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585912"/>
          <a:ext cx="1270" cy="1503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935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9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523</xdr:rowOff>
    </xdr:from>
    <xdr:to>
      <xdr:col>24</xdr:col>
      <xdr:colOff>152400</xdr:colOff>
      <xdr:row>58</xdr:row>
      <xdr:rowOff>14552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89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1539</xdr:rowOff>
    </xdr:from>
    <xdr:ext cx="690189"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361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5,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412</xdr:rowOff>
    </xdr:from>
    <xdr:to>
      <xdr:col>24</xdr:col>
      <xdr:colOff>152400</xdr:colOff>
      <xdr:row>50</xdr:row>
      <xdr:rowOff>13412</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585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27172</xdr:rowOff>
    </xdr:from>
    <xdr:to>
      <xdr:col>24</xdr:col>
      <xdr:colOff>63500</xdr:colOff>
      <xdr:row>57</xdr:row>
      <xdr:rowOff>130097</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899822"/>
          <a:ext cx="838200" cy="2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8093</xdr:rowOff>
    </xdr:from>
    <xdr:ext cx="599010"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87074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666</xdr:rowOff>
    </xdr:from>
    <xdr:to>
      <xdr:col>24</xdr:col>
      <xdr:colOff>114300</xdr:colOff>
      <xdr:row>58</xdr:row>
      <xdr:rowOff>49816</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89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30097</xdr:rowOff>
    </xdr:from>
    <xdr:to>
      <xdr:col>19</xdr:col>
      <xdr:colOff>177800</xdr:colOff>
      <xdr:row>57</xdr:row>
      <xdr:rowOff>136888</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902747"/>
          <a:ext cx="889000" cy="6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6526</xdr:rowOff>
    </xdr:from>
    <xdr:to>
      <xdr:col>20</xdr:col>
      <xdr:colOff>38100</xdr:colOff>
      <xdr:row>58</xdr:row>
      <xdr:rowOff>7667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19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67803</xdr:rowOff>
    </xdr:from>
    <xdr:ext cx="599010"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497795" y="10011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5919</xdr:rowOff>
    </xdr:from>
    <xdr:to>
      <xdr:col>15</xdr:col>
      <xdr:colOff>50800</xdr:colOff>
      <xdr:row>57</xdr:row>
      <xdr:rowOff>136888</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2019300" y="9908569"/>
          <a:ext cx="889000" cy="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594</xdr:rowOff>
    </xdr:from>
    <xdr:to>
      <xdr:col>15</xdr:col>
      <xdr:colOff>101600</xdr:colOff>
      <xdr:row>58</xdr:row>
      <xdr:rowOff>64744</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90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55871</xdr:rowOff>
    </xdr:from>
    <xdr:ext cx="59901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08795" y="9999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5919</xdr:rowOff>
    </xdr:from>
    <xdr:to>
      <xdr:col>10</xdr:col>
      <xdr:colOff>114300</xdr:colOff>
      <xdr:row>57</xdr:row>
      <xdr:rowOff>169077</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908569"/>
          <a:ext cx="889000" cy="33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68345</xdr:rowOff>
    </xdr:from>
    <xdr:to>
      <xdr:col>10</xdr:col>
      <xdr:colOff>165100</xdr:colOff>
      <xdr:row>58</xdr:row>
      <xdr:rowOff>169945</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10012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61072</xdr:rowOff>
    </xdr:from>
    <xdr:ext cx="59901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19795" y="10105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2437</xdr:rowOff>
    </xdr:from>
    <xdr:to>
      <xdr:col>6</xdr:col>
      <xdr:colOff>38100</xdr:colOff>
      <xdr:row>59</xdr:row>
      <xdr:rowOff>258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10016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65164</xdr:rowOff>
    </xdr:from>
    <xdr:ext cx="59901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30795" y="101092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6372</xdr:rowOff>
    </xdr:from>
    <xdr:to>
      <xdr:col>24</xdr:col>
      <xdr:colOff>114300</xdr:colOff>
      <xdr:row>58</xdr:row>
      <xdr:rowOff>6522</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849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99249</xdr:rowOff>
    </xdr:from>
    <xdr:ext cx="599010"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7004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79297</xdr:rowOff>
    </xdr:from>
    <xdr:to>
      <xdr:col>20</xdr:col>
      <xdr:colOff>38100</xdr:colOff>
      <xdr:row>58</xdr:row>
      <xdr:rowOff>944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851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25974</xdr:rowOff>
    </xdr:from>
    <xdr:ext cx="59901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497795" y="9627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6088</xdr:rowOff>
    </xdr:from>
    <xdr:to>
      <xdr:col>15</xdr:col>
      <xdr:colOff>101600</xdr:colOff>
      <xdr:row>58</xdr:row>
      <xdr:rowOff>16238</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858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32765</xdr:rowOff>
    </xdr:from>
    <xdr:ext cx="59901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08795" y="96339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5119</xdr:rowOff>
    </xdr:from>
    <xdr:to>
      <xdr:col>10</xdr:col>
      <xdr:colOff>165100</xdr:colOff>
      <xdr:row>58</xdr:row>
      <xdr:rowOff>15269</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857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31796</xdr:rowOff>
    </xdr:from>
    <xdr:ext cx="599010"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19795" y="9632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8277</xdr:rowOff>
    </xdr:from>
    <xdr:to>
      <xdr:col>6</xdr:col>
      <xdr:colOff>38100</xdr:colOff>
      <xdr:row>58</xdr:row>
      <xdr:rowOff>48427</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890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64954</xdr:rowOff>
    </xdr:from>
    <xdr:ext cx="599010"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30795" y="96661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426</xdr:rowOff>
    </xdr:from>
    <xdr:to>
      <xdr:col>24</xdr:col>
      <xdr:colOff>62865</xdr:colOff>
      <xdr:row>78</xdr:row>
      <xdr:rowOff>23183</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flipV="1">
          <a:off x="4633595" y="12225376"/>
          <a:ext cx="1270" cy="117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27010</xdr:rowOff>
    </xdr:from>
    <xdr:ext cx="378565" cy="259045"/>
    <xdr:sp macro="" textlink="">
      <xdr:nvSpPr>
        <xdr:cNvPr id="168" name="維持補修費最小値テキスト">
          <a:extLst>
            <a:ext uri="{FF2B5EF4-FFF2-40B4-BE49-F238E27FC236}">
              <a16:creationId xmlns:a16="http://schemas.microsoft.com/office/drawing/2014/main" id="{00000000-0008-0000-0600-0000A8000000}"/>
            </a:ext>
          </a:extLst>
        </xdr:cNvPr>
        <xdr:cNvSpPr txBox="1"/>
      </xdr:nvSpPr>
      <xdr:spPr>
        <a:xfrm>
          <a:off x="4686300" y="13400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183</xdr:rowOff>
    </xdr:from>
    <xdr:to>
      <xdr:col>24</xdr:col>
      <xdr:colOff>152400</xdr:colOff>
      <xdr:row>78</xdr:row>
      <xdr:rowOff>2318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339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70553</xdr:rowOff>
    </xdr:from>
    <xdr:ext cx="599010" cy="259045"/>
    <xdr:sp macro="" textlink="">
      <xdr:nvSpPr>
        <xdr:cNvPr id="170" name="維持補修費最大値テキスト">
          <a:extLst>
            <a:ext uri="{FF2B5EF4-FFF2-40B4-BE49-F238E27FC236}">
              <a16:creationId xmlns:a16="http://schemas.microsoft.com/office/drawing/2014/main" id="{00000000-0008-0000-0600-0000AA000000}"/>
            </a:ext>
          </a:extLst>
        </xdr:cNvPr>
        <xdr:cNvSpPr txBox="1"/>
      </xdr:nvSpPr>
      <xdr:spPr>
        <a:xfrm>
          <a:off x="4686300" y="12000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2426</xdr:rowOff>
    </xdr:from>
    <xdr:to>
      <xdr:col>24</xdr:col>
      <xdr:colOff>152400</xdr:colOff>
      <xdr:row>71</xdr:row>
      <xdr:rowOff>52426</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2225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85699</xdr:rowOff>
    </xdr:from>
    <xdr:to>
      <xdr:col>24</xdr:col>
      <xdr:colOff>63500</xdr:colOff>
      <xdr:row>77</xdr:row>
      <xdr:rowOff>88939</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flipV="1">
          <a:off x="3797300" y="13287349"/>
          <a:ext cx="838200" cy="3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861</xdr:rowOff>
    </xdr:from>
    <xdr:ext cx="534377" cy="259045"/>
    <xdr:sp macro="" textlink="">
      <xdr:nvSpPr>
        <xdr:cNvPr id="173" name="維持補修費平均値テキスト">
          <a:extLst>
            <a:ext uri="{FF2B5EF4-FFF2-40B4-BE49-F238E27FC236}">
              <a16:creationId xmlns:a16="http://schemas.microsoft.com/office/drawing/2014/main" id="{00000000-0008-0000-0600-0000AD000000}"/>
            </a:ext>
          </a:extLst>
        </xdr:cNvPr>
        <xdr:cNvSpPr txBox="1"/>
      </xdr:nvSpPr>
      <xdr:spPr>
        <a:xfrm>
          <a:off x="4686300" y="13037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5434</xdr:rowOff>
    </xdr:from>
    <xdr:to>
      <xdr:col>24</xdr:col>
      <xdr:colOff>114300</xdr:colOff>
      <xdr:row>77</xdr:row>
      <xdr:rowOff>85584</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4584700" y="13185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88939</xdr:rowOff>
    </xdr:from>
    <xdr:to>
      <xdr:col>19</xdr:col>
      <xdr:colOff>177800</xdr:colOff>
      <xdr:row>77</xdr:row>
      <xdr:rowOff>126916</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2908300" y="13290589"/>
          <a:ext cx="889000" cy="37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3663</xdr:rowOff>
    </xdr:from>
    <xdr:to>
      <xdr:col>20</xdr:col>
      <xdr:colOff>38100</xdr:colOff>
      <xdr:row>77</xdr:row>
      <xdr:rowOff>93813</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3746500" y="1319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5</xdr:row>
      <xdr:rowOff>110341</xdr:rowOff>
    </xdr:from>
    <xdr:ext cx="534377" cy="259045"/>
    <xdr:sp macro="" textlink="">
      <xdr:nvSpPr>
        <xdr:cNvPr id="177" name="テキスト ボックス 176">
          <a:extLst>
            <a:ext uri="{FF2B5EF4-FFF2-40B4-BE49-F238E27FC236}">
              <a16:creationId xmlns:a16="http://schemas.microsoft.com/office/drawing/2014/main" id="{00000000-0008-0000-0600-0000B1000000}"/>
            </a:ext>
          </a:extLst>
        </xdr:cNvPr>
        <xdr:cNvSpPr txBox="1"/>
      </xdr:nvSpPr>
      <xdr:spPr>
        <a:xfrm>
          <a:off x="3530111" y="12969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26916</xdr:rowOff>
    </xdr:from>
    <xdr:to>
      <xdr:col>15</xdr:col>
      <xdr:colOff>50800</xdr:colOff>
      <xdr:row>77</xdr:row>
      <xdr:rowOff>133858</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019300" y="13328566"/>
          <a:ext cx="889000" cy="6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999</xdr:rowOff>
    </xdr:from>
    <xdr:to>
      <xdr:col>15</xdr:col>
      <xdr:colOff>101600</xdr:colOff>
      <xdr:row>77</xdr:row>
      <xdr:rowOff>116599</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2857500" y="13216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5</xdr:row>
      <xdr:rowOff>133126</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2641111" y="12991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6161</xdr:rowOff>
    </xdr:from>
    <xdr:to>
      <xdr:col>10</xdr:col>
      <xdr:colOff>114300</xdr:colOff>
      <xdr:row>77</xdr:row>
      <xdr:rowOff>133858</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1130300" y="13327811"/>
          <a:ext cx="889000" cy="7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5433</xdr:rowOff>
    </xdr:from>
    <xdr:to>
      <xdr:col>10</xdr:col>
      <xdr:colOff>165100</xdr:colOff>
      <xdr:row>78</xdr:row>
      <xdr:rowOff>25583</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968500" y="13297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6710</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1784428" y="13389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0083</xdr:rowOff>
    </xdr:from>
    <xdr:to>
      <xdr:col>6</xdr:col>
      <xdr:colOff>38100</xdr:colOff>
      <xdr:row>78</xdr:row>
      <xdr:rowOff>20233</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079500" y="13291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1360</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895428" y="13384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4899</xdr:rowOff>
    </xdr:from>
    <xdr:to>
      <xdr:col>24</xdr:col>
      <xdr:colOff>114300</xdr:colOff>
      <xdr:row>77</xdr:row>
      <xdr:rowOff>136499</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4584700" y="13236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3861</xdr:rowOff>
    </xdr:from>
    <xdr:ext cx="534377" cy="259045"/>
    <xdr:sp macro="" textlink="">
      <xdr:nvSpPr>
        <xdr:cNvPr id="192" name="維持補修費該当値テキスト">
          <a:extLst>
            <a:ext uri="{FF2B5EF4-FFF2-40B4-BE49-F238E27FC236}">
              <a16:creationId xmlns:a16="http://schemas.microsoft.com/office/drawing/2014/main" id="{00000000-0008-0000-0600-0000C0000000}"/>
            </a:ext>
          </a:extLst>
        </xdr:cNvPr>
        <xdr:cNvSpPr txBox="1"/>
      </xdr:nvSpPr>
      <xdr:spPr>
        <a:xfrm>
          <a:off x="4686300" y="13164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38139</xdr:rowOff>
    </xdr:from>
    <xdr:to>
      <xdr:col>20</xdr:col>
      <xdr:colOff>38100</xdr:colOff>
      <xdr:row>77</xdr:row>
      <xdr:rowOff>139739</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3746500" y="13239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7</xdr:row>
      <xdr:rowOff>130866</xdr:rowOff>
    </xdr:from>
    <xdr:ext cx="534377"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3530111" y="1333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76116</xdr:rowOff>
    </xdr:from>
    <xdr:to>
      <xdr:col>15</xdr:col>
      <xdr:colOff>101600</xdr:colOff>
      <xdr:row>78</xdr:row>
      <xdr:rowOff>6266</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2857500" y="13277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7</xdr:row>
      <xdr:rowOff>168843</xdr:rowOff>
    </xdr:from>
    <xdr:ext cx="534377"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641111" y="13370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3058</xdr:rowOff>
    </xdr:from>
    <xdr:to>
      <xdr:col>10</xdr:col>
      <xdr:colOff>165100</xdr:colOff>
      <xdr:row>78</xdr:row>
      <xdr:rowOff>13208</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968500" y="13284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6</xdr:row>
      <xdr:rowOff>29735</xdr:rowOff>
    </xdr:from>
    <xdr:ext cx="534377"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752111" y="13059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5361</xdr:rowOff>
    </xdr:from>
    <xdr:to>
      <xdr:col>6</xdr:col>
      <xdr:colOff>38100</xdr:colOff>
      <xdr:row>78</xdr:row>
      <xdr:rowOff>5511</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079500" y="13277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6</xdr:row>
      <xdr:rowOff>22038</xdr:rowOff>
    </xdr:from>
    <xdr:ext cx="534377"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863111" y="13052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扶助費グラフ枠">
          <a:extLst>
            <a:ext uri="{FF2B5EF4-FFF2-40B4-BE49-F238E27FC236}">
              <a16:creationId xmlns:a16="http://schemas.microsoft.com/office/drawing/2014/main" id="{00000000-0008-0000-06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8752</xdr:rowOff>
    </xdr:from>
    <xdr:to>
      <xdr:col>24</xdr:col>
      <xdr:colOff>62865</xdr:colOff>
      <xdr:row>98</xdr:row>
      <xdr:rowOff>118425</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flipV="1">
          <a:off x="4633595" y="15579252"/>
          <a:ext cx="1270" cy="1341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2252</xdr:rowOff>
    </xdr:from>
    <xdr:ext cx="534377" cy="259045"/>
    <xdr:sp macro="" textlink="">
      <xdr:nvSpPr>
        <xdr:cNvPr id="225" name="扶助費最小値テキスト">
          <a:extLst>
            <a:ext uri="{FF2B5EF4-FFF2-40B4-BE49-F238E27FC236}">
              <a16:creationId xmlns:a16="http://schemas.microsoft.com/office/drawing/2014/main" id="{00000000-0008-0000-0600-0000E1000000}"/>
            </a:ext>
          </a:extLst>
        </xdr:cNvPr>
        <xdr:cNvSpPr txBox="1"/>
      </xdr:nvSpPr>
      <xdr:spPr>
        <a:xfrm>
          <a:off x="4686300" y="1692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8425</xdr:rowOff>
    </xdr:from>
    <xdr:to>
      <xdr:col>24</xdr:col>
      <xdr:colOff>152400</xdr:colOff>
      <xdr:row>98</xdr:row>
      <xdr:rowOff>118425</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4546600" y="16920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5429</xdr:rowOff>
    </xdr:from>
    <xdr:ext cx="599010" cy="259045"/>
    <xdr:sp macro="" textlink="">
      <xdr:nvSpPr>
        <xdr:cNvPr id="227" name="扶助費最大値テキスト">
          <a:extLst>
            <a:ext uri="{FF2B5EF4-FFF2-40B4-BE49-F238E27FC236}">
              <a16:creationId xmlns:a16="http://schemas.microsoft.com/office/drawing/2014/main" id="{00000000-0008-0000-0600-0000E3000000}"/>
            </a:ext>
          </a:extLst>
        </xdr:cNvPr>
        <xdr:cNvSpPr txBox="1"/>
      </xdr:nvSpPr>
      <xdr:spPr>
        <a:xfrm>
          <a:off x="4686300" y="1535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8752</xdr:rowOff>
    </xdr:from>
    <xdr:to>
      <xdr:col>24</xdr:col>
      <xdr:colOff>152400</xdr:colOff>
      <xdr:row>90</xdr:row>
      <xdr:rowOff>148752</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4546600" y="15579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8689</xdr:rowOff>
    </xdr:from>
    <xdr:to>
      <xdr:col>24</xdr:col>
      <xdr:colOff>63500</xdr:colOff>
      <xdr:row>94</xdr:row>
      <xdr:rowOff>82077</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3797300" y="16124989"/>
          <a:ext cx="838200" cy="73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971</xdr:rowOff>
    </xdr:from>
    <xdr:ext cx="534377" cy="259045"/>
    <xdr:sp macro="" textlink="">
      <xdr:nvSpPr>
        <xdr:cNvPr id="230" name="扶助費平均値テキスト">
          <a:extLst>
            <a:ext uri="{FF2B5EF4-FFF2-40B4-BE49-F238E27FC236}">
              <a16:creationId xmlns:a16="http://schemas.microsoft.com/office/drawing/2014/main" id="{00000000-0008-0000-0600-0000E6000000}"/>
            </a:ext>
          </a:extLst>
        </xdr:cNvPr>
        <xdr:cNvSpPr txBox="1"/>
      </xdr:nvSpPr>
      <xdr:spPr>
        <a:xfrm>
          <a:off x="4686300" y="16297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544</xdr:rowOff>
    </xdr:from>
    <xdr:to>
      <xdr:col>24</xdr:col>
      <xdr:colOff>114300</xdr:colOff>
      <xdr:row>95</xdr:row>
      <xdr:rowOff>133144</xdr:rowOff>
    </xdr:to>
    <xdr:sp macro="" textlink="">
      <xdr:nvSpPr>
        <xdr:cNvPr id="231" name="フローチャート: 判断 230">
          <a:extLst>
            <a:ext uri="{FF2B5EF4-FFF2-40B4-BE49-F238E27FC236}">
              <a16:creationId xmlns:a16="http://schemas.microsoft.com/office/drawing/2014/main" id="{00000000-0008-0000-0600-0000E7000000}"/>
            </a:ext>
          </a:extLst>
        </xdr:cNvPr>
        <xdr:cNvSpPr/>
      </xdr:nvSpPr>
      <xdr:spPr>
        <a:xfrm>
          <a:off x="4584700" y="16319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8689</xdr:rowOff>
    </xdr:from>
    <xdr:to>
      <xdr:col>19</xdr:col>
      <xdr:colOff>177800</xdr:colOff>
      <xdr:row>95</xdr:row>
      <xdr:rowOff>42819</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flipV="1">
          <a:off x="2908300" y="16124989"/>
          <a:ext cx="889000" cy="205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3428</xdr:rowOff>
    </xdr:from>
    <xdr:to>
      <xdr:col>20</xdr:col>
      <xdr:colOff>38100</xdr:colOff>
      <xdr:row>95</xdr:row>
      <xdr:rowOff>73578</xdr:rowOff>
    </xdr:to>
    <xdr:sp macro="" textlink="">
      <xdr:nvSpPr>
        <xdr:cNvPr id="233" name="フローチャート: 判断 232">
          <a:extLst>
            <a:ext uri="{FF2B5EF4-FFF2-40B4-BE49-F238E27FC236}">
              <a16:creationId xmlns:a16="http://schemas.microsoft.com/office/drawing/2014/main" id="{00000000-0008-0000-0600-0000E9000000}"/>
            </a:ext>
          </a:extLst>
        </xdr:cNvPr>
        <xdr:cNvSpPr/>
      </xdr:nvSpPr>
      <xdr:spPr>
        <a:xfrm>
          <a:off x="3746500" y="1625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4705</xdr:rowOff>
    </xdr:from>
    <xdr:ext cx="534377"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3530111" y="16352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42819</xdr:rowOff>
    </xdr:from>
    <xdr:to>
      <xdr:col>15</xdr:col>
      <xdr:colOff>50800</xdr:colOff>
      <xdr:row>95</xdr:row>
      <xdr:rowOff>57290</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019300" y="16330569"/>
          <a:ext cx="889000" cy="1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9507</xdr:rowOff>
    </xdr:from>
    <xdr:to>
      <xdr:col>15</xdr:col>
      <xdr:colOff>101600</xdr:colOff>
      <xdr:row>96</xdr:row>
      <xdr:rowOff>2965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2857500" y="1638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20784</xdr:rowOff>
    </xdr:from>
    <xdr:ext cx="534377"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2641111" y="16479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57290</xdr:rowOff>
    </xdr:from>
    <xdr:to>
      <xdr:col>10</xdr:col>
      <xdr:colOff>114300</xdr:colOff>
      <xdr:row>95</xdr:row>
      <xdr:rowOff>73940</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1130300" y="16345040"/>
          <a:ext cx="889000" cy="16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43993</xdr:rowOff>
    </xdr:from>
    <xdr:to>
      <xdr:col>10</xdr:col>
      <xdr:colOff>165100</xdr:colOff>
      <xdr:row>96</xdr:row>
      <xdr:rowOff>74143</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1968500" y="16431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65270</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1752111" y="16524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51643</xdr:rowOff>
    </xdr:from>
    <xdr:to>
      <xdr:col>6</xdr:col>
      <xdr:colOff>38100</xdr:colOff>
      <xdr:row>96</xdr:row>
      <xdr:rowOff>81793</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1079500" y="16439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72920</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863111" y="16532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31277</xdr:rowOff>
    </xdr:from>
    <xdr:to>
      <xdr:col>24</xdr:col>
      <xdr:colOff>114300</xdr:colOff>
      <xdr:row>94</xdr:row>
      <xdr:rowOff>132877</xdr:rowOff>
    </xdr:to>
    <xdr:sp macro="" textlink="">
      <xdr:nvSpPr>
        <xdr:cNvPr id="248" name="楕円 247">
          <a:extLst>
            <a:ext uri="{FF2B5EF4-FFF2-40B4-BE49-F238E27FC236}">
              <a16:creationId xmlns:a16="http://schemas.microsoft.com/office/drawing/2014/main" id="{00000000-0008-0000-0600-0000F8000000}"/>
            </a:ext>
          </a:extLst>
        </xdr:cNvPr>
        <xdr:cNvSpPr/>
      </xdr:nvSpPr>
      <xdr:spPr>
        <a:xfrm>
          <a:off x="4584700" y="16147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54154</xdr:rowOff>
    </xdr:from>
    <xdr:ext cx="599010" cy="259045"/>
    <xdr:sp macro="" textlink="">
      <xdr:nvSpPr>
        <xdr:cNvPr id="249" name="扶助費該当値テキスト">
          <a:extLst>
            <a:ext uri="{FF2B5EF4-FFF2-40B4-BE49-F238E27FC236}">
              <a16:creationId xmlns:a16="http://schemas.microsoft.com/office/drawing/2014/main" id="{00000000-0008-0000-0600-0000F9000000}"/>
            </a:ext>
          </a:extLst>
        </xdr:cNvPr>
        <xdr:cNvSpPr txBox="1"/>
      </xdr:nvSpPr>
      <xdr:spPr>
        <a:xfrm>
          <a:off x="4686300" y="159990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129339</xdr:rowOff>
    </xdr:from>
    <xdr:to>
      <xdr:col>20</xdr:col>
      <xdr:colOff>38100</xdr:colOff>
      <xdr:row>94</xdr:row>
      <xdr:rowOff>59489</xdr:rowOff>
    </xdr:to>
    <xdr:sp macro="" textlink="">
      <xdr:nvSpPr>
        <xdr:cNvPr id="250" name="楕円 249">
          <a:extLst>
            <a:ext uri="{FF2B5EF4-FFF2-40B4-BE49-F238E27FC236}">
              <a16:creationId xmlns:a16="http://schemas.microsoft.com/office/drawing/2014/main" id="{00000000-0008-0000-0600-0000FA000000}"/>
            </a:ext>
          </a:extLst>
        </xdr:cNvPr>
        <xdr:cNvSpPr/>
      </xdr:nvSpPr>
      <xdr:spPr>
        <a:xfrm>
          <a:off x="3746500" y="16074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76016</xdr:rowOff>
    </xdr:from>
    <xdr:ext cx="59901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497795" y="158494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63469</xdr:rowOff>
    </xdr:from>
    <xdr:to>
      <xdr:col>15</xdr:col>
      <xdr:colOff>101600</xdr:colOff>
      <xdr:row>95</xdr:row>
      <xdr:rowOff>93619</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2857500" y="16279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10146</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2641111" y="16054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6490</xdr:rowOff>
    </xdr:from>
    <xdr:to>
      <xdr:col>10</xdr:col>
      <xdr:colOff>165100</xdr:colOff>
      <xdr:row>95</xdr:row>
      <xdr:rowOff>108090</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1968500" y="16294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24617</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752111" y="16069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23140</xdr:rowOff>
    </xdr:from>
    <xdr:to>
      <xdr:col>6</xdr:col>
      <xdr:colOff>38100</xdr:colOff>
      <xdr:row>95</xdr:row>
      <xdr:rowOff>124740</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1079500" y="16310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141267</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863111" y="16086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a:extLst>
            <a:ext uri="{FF2B5EF4-FFF2-40B4-BE49-F238E27FC236}">
              <a16:creationId xmlns:a16="http://schemas.microsoft.com/office/drawing/2014/main" id="{00000000-0008-0000-06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2387</xdr:rowOff>
    </xdr:from>
    <xdr:to>
      <xdr:col>54</xdr:col>
      <xdr:colOff>189865</xdr:colOff>
      <xdr:row>38</xdr:row>
      <xdr:rowOff>6220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flipV="1">
          <a:off x="10475595" y="5275887"/>
          <a:ext cx="1270" cy="1301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6029</xdr:rowOff>
    </xdr:from>
    <xdr:ext cx="534377" cy="259045"/>
    <xdr:sp macro="" textlink="">
      <xdr:nvSpPr>
        <xdr:cNvPr id="282" name="補助費等最小値テキスト">
          <a:extLst>
            <a:ext uri="{FF2B5EF4-FFF2-40B4-BE49-F238E27FC236}">
              <a16:creationId xmlns:a16="http://schemas.microsoft.com/office/drawing/2014/main" id="{00000000-0008-0000-0600-00001A010000}"/>
            </a:ext>
          </a:extLst>
        </xdr:cNvPr>
        <xdr:cNvSpPr txBox="1"/>
      </xdr:nvSpPr>
      <xdr:spPr>
        <a:xfrm>
          <a:off x="10528300" y="6581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2202</xdr:rowOff>
    </xdr:from>
    <xdr:to>
      <xdr:col>55</xdr:col>
      <xdr:colOff>88900</xdr:colOff>
      <xdr:row>38</xdr:row>
      <xdr:rowOff>6220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10388600" y="657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9064</xdr:rowOff>
    </xdr:from>
    <xdr:ext cx="599010" cy="259045"/>
    <xdr:sp macro="" textlink="">
      <xdr:nvSpPr>
        <xdr:cNvPr id="284" name="補助費等最大値テキスト">
          <a:extLst>
            <a:ext uri="{FF2B5EF4-FFF2-40B4-BE49-F238E27FC236}">
              <a16:creationId xmlns:a16="http://schemas.microsoft.com/office/drawing/2014/main" id="{00000000-0008-0000-0600-00001C010000}"/>
            </a:ext>
          </a:extLst>
        </xdr:cNvPr>
        <xdr:cNvSpPr txBox="1"/>
      </xdr:nvSpPr>
      <xdr:spPr>
        <a:xfrm>
          <a:off x="10528300" y="505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2387</xdr:rowOff>
    </xdr:from>
    <xdr:to>
      <xdr:col>55</xdr:col>
      <xdr:colOff>88900</xdr:colOff>
      <xdr:row>30</xdr:row>
      <xdr:rowOff>132387</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527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15265</xdr:rowOff>
    </xdr:from>
    <xdr:to>
      <xdr:col>55</xdr:col>
      <xdr:colOff>0</xdr:colOff>
      <xdr:row>37</xdr:row>
      <xdr:rowOff>4444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9639300" y="6287465"/>
          <a:ext cx="838200" cy="100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5206</xdr:rowOff>
    </xdr:from>
    <xdr:ext cx="599010" cy="259045"/>
    <xdr:sp macro="" textlink="">
      <xdr:nvSpPr>
        <xdr:cNvPr id="287" name="補助費等平均値テキスト">
          <a:extLst>
            <a:ext uri="{FF2B5EF4-FFF2-40B4-BE49-F238E27FC236}">
              <a16:creationId xmlns:a16="http://schemas.microsoft.com/office/drawing/2014/main" id="{00000000-0008-0000-0600-00001F010000}"/>
            </a:ext>
          </a:extLst>
        </xdr:cNvPr>
        <xdr:cNvSpPr txBox="1"/>
      </xdr:nvSpPr>
      <xdr:spPr>
        <a:xfrm>
          <a:off x="10528300" y="62174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779</xdr:rowOff>
    </xdr:from>
    <xdr:to>
      <xdr:col>55</xdr:col>
      <xdr:colOff>50800</xdr:colOff>
      <xdr:row>36</xdr:row>
      <xdr:rowOff>168379</xdr:rowOff>
    </xdr:to>
    <xdr:sp macro="" textlink="">
      <xdr:nvSpPr>
        <xdr:cNvPr id="288" name="フローチャート: 判断 287">
          <a:extLst>
            <a:ext uri="{FF2B5EF4-FFF2-40B4-BE49-F238E27FC236}">
              <a16:creationId xmlns:a16="http://schemas.microsoft.com/office/drawing/2014/main" id="{00000000-0008-0000-0600-000020010000}"/>
            </a:ext>
          </a:extLst>
        </xdr:cNvPr>
        <xdr:cNvSpPr/>
      </xdr:nvSpPr>
      <xdr:spPr>
        <a:xfrm>
          <a:off x="10426700" y="6238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8705</xdr:rowOff>
    </xdr:from>
    <xdr:to>
      <xdr:col>50</xdr:col>
      <xdr:colOff>114300</xdr:colOff>
      <xdr:row>37</xdr:row>
      <xdr:rowOff>44440</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8750300" y="6180905"/>
          <a:ext cx="889000" cy="207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991</xdr:rowOff>
    </xdr:from>
    <xdr:to>
      <xdr:col>50</xdr:col>
      <xdr:colOff>165100</xdr:colOff>
      <xdr:row>37</xdr:row>
      <xdr:rowOff>27141</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9588500" y="6269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43668</xdr:rowOff>
    </xdr:from>
    <xdr:ext cx="599010"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9339795" y="60444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8705</xdr:rowOff>
    </xdr:from>
    <xdr:to>
      <xdr:col>45</xdr:col>
      <xdr:colOff>177800</xdr:colOff>
      <xdr:row>37</xdr:row>
      <xdr:rowOff>85994</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7861300" y="6180905"/>
          <a:ext cx="889000" cy="248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57500</xdr:rowOff>
    </xdr:from>
    <xdr:to>
      <xdr:col>46</xdr:col>
      <xdr:colOff>38100</xdr:colOff>
      <xdr:row>35</xdr:row>
      <xdr:rowOff>159100</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86995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4177</xdr:rowOff>
    </xdr:from>
    <xdr:ext cx="599010"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8450795" y="5833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85994</xdr:rowOff>
    </xdr:from>
    <xdr:to>
      <xdr:col>41</xdr:col>
      <xdr:colOff>50800</xdr:colOff>
      <xdr:row>37</xdr:row>
      <xdr:rowOff>96598</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6972300" y="6429644"/>
          <a:ext cx="889000" cy="10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18681</xdr:rowOff>
    </xdr:from>
    <xdr:to>
      <xdr:col>41</xdr:col>
      <xdr:colOff>101600</xdr:colOff>
      <xdr:row>38</xdr:row>
      <xdr:rowOff>48831</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7810500" y="6462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8</xdr:row>
      <xdr:rowOff>39958</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7561795" y="6555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20007</xdr:rowOff>
    </xdr:from>
    <xdr:to>
      <xdr:col>36</xdr:col>
      <xdr:colOff>165100</xdr:colOff>
      <xdr:row>38</xdr:row>
      <xdr:rowOff>50157</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6921500" y="6463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8</xdr:row>
      <xdr:rowOff>41284</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6672795" y="6556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4465</xdr:rowOff>
    </xdr:from>
    <xdr:to>
      <xdr:col>55</xdr:col>
      <xdr:colOff>50800</xdr:colOff>
      <xdr:row>36</xdr:row>
      <xdr:rowOff>166065</xdr:rowOff>
    </xdr:to>
    <xdr:sp macro="" textlink="">
      <xdr:nvSpPr>
        <xdr:cNvPr id="305" name="楕円 304">
          <a:extLst>
            <a:ext uri="{FF2B5EF4-FFF2-40B4-BE49-F238E27FC236}">
              <a16:creationId xmlns:a16="http://schemas.microsoft.com/office/drawing/2014/main" id="{00000000-0008-0000-0600-000031010000}"/>
            </a:ext>
          </a:extLst>
        </xdr:cNvPr>
        <xdr:cNvSpPr/>
      </xdr:nvSpPr>
      <xdr:spPr>
        <a:xfrm>
          <a:off x="10426700" y="6236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87342</xdr:rowOff>
    </xdr:from>
    <xdr:ext cx="599010" cy="259045"/>
    <xdr:sp macro="" textlink="">
      <xdr:nvSpPr>
        <xdr:cNvPr id="306" name="補助費等該当値テキスト">
          <a:extLst>
            <a:ext uri="{FF2B5EF4-FFF2-40B4-BE49-F238E27FC236}">
              <a16:creationId xmlns:a16="http://schemas.microsoft.com/office/drawing/2014/main" id="{00000000-0008-0000-0600-000032010000}"/>
            </a:ext>
          </a:extLst>
        </xdr:cNvPr>
        <xdr:cNvSpPr txBox="1"/>
      </xdr:nvSpPr>
      <xdr:spPr>
        <a:xfrm>
          <a:off x="10528300" y="60880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65090</xdr:rowOff>
    </xdr:from>
    <xdr:to>
      <xdr:col>50</xdr:col>
      <xdr:colOff>165100</xdr:colOff>
      <xdr:row>37</xdr:row>
      <xdr:rowOff>95240</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9588500" y="6337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86367</xdr:rowOff>
    </xdr:from>
    <xdr:ext cx="59901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339795" y="6430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29355</xdr:rowOff>
    </xdr:from>
    <xdr:to>
      <xdr:col>46</xdr:col>
      <xdr:colOff>38100</xdr:colOff>
      <xdr:row>36</xdr:row>
      <xdr:rowOff>59505</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8699500" y="6130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6</xdr:row>
      <xdr:rowOff>50632</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450795" y="62228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5194</xdr:rowOff>
    </xdr:from>
    <xdr:to>
      <xdr:col>41</xdr:col>
      <xdr:colOff>101600</xdr:colOff>
      <xdr:row>37</xdr:row>
      <xdr:rowOff>136794</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7810500" y="6378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153321</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561795" y="61540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5798</xdr:rowOff>
    </xdr:from>
    <xdr:to>
      <xdr:col>36</xdr:col>
      <xdr:colOff>165100</xdr:colOff>
      <xdr:row>37</xdr:row>
      <xdr:rowOff>147398</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6921500" y="6389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163925</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672795" y="61646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a16="http://schemas.microsoft.com/office/drawing/2014/main" id="{00000000-0008-0000-0600-000045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普通建設事業費グラフ枠">
          <a:extLst>
            <a:ext uri="{FF2B5EF4-FFF2-40B4-BE49-F238E27FC236}">
              <a16:creationId xmlns:a16="http://schemas.microsoft.com/office/drawing/2014/main" id="{00000000-0008-0000-0600-000051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478</xdr:rowOff>
    </xdr:from>
    <xdr:to>
      <xdr:col>54</xdr:col>
      <xdr:colOff>189865</xdr:colOff>
      <xdr:row>59</xdr:row>
      <xdr:rowOff>30262</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flipV="1">
          <a:off x="10475595" y="8874428"/>
          <a:ext cx="1270" cy="1271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89</xdr:rowOff>
    </xdr:from>
    <xdr:ext cx="534377" cy="259045"/>
    <xdr:sp macro="" textlink="">
      <xdr:nvSpPr>
        <xdr:cNvPr id="339" name="普通建設事業費最小値テキスト">
          <a:extLst>
            <a:ext uri="{FF2B5EF4-FFF2-40B4-BE49-F238E27FC236}">
              <a16:creationId xmlns:a16="http://schemas.microsoft.com/office/drawing/2014/main" id="{00000000-0008-0000-0600-000053010000}"/>
            </a:ext>
          </a:extLst>
        </xdr:cNvPr>
        <xdr:cNvSpPr txBox="1"/>
      </xdr:nvSpPr>
      <xdr:spPr>
        <a:xfrm>
          <a:off x="10528300" y="10149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62</xdr:rowOff>
    </xdr:from>
    <xdr:to>
      <xdr:col>55</xdr:col>
      <xdr:colOff>88900</xdr:colOff>
      <xdr:row>59</xdr:row>
      <xdr:rowOff>30262</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10388600" y="10145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155</xdr:rowOff>
    </xdr:from>
    <xdr:ext cx="690189" cy="259045"/>
    <xdr:sp macro="" textlink="">
      <xdr:nvSpPr>
        <xdr:cNvPr id="341" name="普通建設事業費最大値テキスト">
          <a:extLst>
            <a:ext uri="{FF2B5EF4-FFF2-40B4-BE49-F238E27FC236}">
              <a16:creationId xmlns:a16="http://schemas.microsoft.com/office/drawing/2014/main" id="{00000000-0008-0000-0600-000055010000}"/>
            </a:ext>
          </a:extLst>
        </xdr:cNvPr>
        <xdr:cNvSpPr txBox="1"/>
      </xdr:nvSpPr>
      <xdr:spPr>
        <a:xfrm>
          <a:off x="10528300" y="86496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478</xdr:rowOff>
    </xdr:from>
    <xdr:to>
      <xdr:col>55</xdr:col>
      <xdr:colOff>88900</xdr:colOff>
      <xdr:row>51</xdr:row>
      <xdr:rowOff>130478</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88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47700</xdr:rowOff>
    </xdr:from>
    <xdr:to>
      <xdr:col>55</xdr:col>
      <xdr:colOff>0</xdr:colOff>
      <xdr:row>58</xdr:row>
      <xdr:rowOff>157446</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9639300" y="10091800"/>
          <a:ext cx="838200" cy="9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75165</xdr:rowOff>
    </xdr:from>
    <xdr:ext cx="599010" cy="259045"/>
    <xdr:sp macro="" textlink="">
      <xdr:nvSpPr>
        <xdr:cNvPr id="344" name="普通建設事業費平均値テキスト">
          <a:extLst>
            <a:ext uri="{FF2B5EF4-FFF2-40B4-BE49-F238E27FC236}">
              <a16:creationId xmlns:a16="http://schemas.microsoft.com/office/drawing/2014/main" id="{00000000-0008-0000-0600-000058010000}"/>
            </a:ext>
          </a:extLst>
        </xdr:cNvPr>
        <xdr:cNvSpPr txBox="1"/>
      </xdr:nvSpPr>
      <xdr:spPr>
        <a:xfrm>
          <a:off x="10528300" y="98478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88</xdr:rowOff>
    </xdr:from>
    <xdr:to>
      <xdr:col>55</xdr:col>
      <xdr:colOff>50800</xdr:colOff>
      <xdr:row>58</xdr:row>
      <xdr:rowOff>153888</xdr:rowOff>
    </xdr:to>
    <xdr:sp macro="" textlink="">
      <xdr:nvSpPr>
        <xdr:cNvPr id="345" name="フローチャート: 判断 344">
          <a:extLst>
            <a:ext uri="{FF2B5EF4-FFF2-40B4-BE49-F238E27FC236}">
              <a16:creationId xmlns:a16="http://schemas.microsoft.com/office/drawing/2014/main" id="{00000000-0008-0000-0600-000059010000}"/>
            </a:ext>
          </a:extLst>
        </xdr:cNvPr>
        <xdr:cNvSpPr/>
      </xdr:nvSpPr>
      <xdr:spPr>
        <a:xfrm>
          <a:off x="10426700" y="9996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57446</xdr:rowOff>
    </xdr:from>
    <xdr:to>
      <xdr:col>50</xdr:col>
      <xdr:colOff>114300</xdr:colOff>
      <xdr:row>58</xdr:row>
      <xdr:rowOff>159117</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8750300" y="10101546"/>
          <a:ext cx="889000" cy="1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6915</xdr:rowOff>
    </xdr:from>
    <xdr:to>
      <xdr:col>50</xdr:col>
      <xdr:colOff>165100</xdr:colOff>
      <xdr:row>58</xdr:row>
      <xdr:rowOff>128515</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9588500" y="9971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45042</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9339795" y="97462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4276</xdr:rowOff>
    </xdr:from>
    <xdr:to>
      <xdr:col>45</xdr:col>
      <xdr:colOff>177800</xdr:colOff>
      <xdr:row>58</xdr:row>
      <xdr:rowOff>159117</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7861300" y="10058376"/>
          <a:ext cx="889000" cy="44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8474</xdr:rowOff>
    </xdr:from>
    <xdr:to>
      <xdr:col>46</xdr:col>
      <xdr:colOff>38100</xdr:colOff>
      <xdr:row>58</xdr:row>
      <xdr:rowOff>140074</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8699500" y="9982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56601</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8450795" y="9757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4276</xdr:rowOff>
    </xdr:from>
    <xdr:to>
      <xdr:col>41</xdr:col>
      <xdr:colOff>50800</xdr:colOff>
      <xdr:row>58</xdr:row>
      <xdr:rowOff>121699</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6972300" y="10058376"/>
          <a:ext cx="889000" cy="7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109802</xdr:rowOff>
    </xdr:from>
    <xdr:to>
      <xdr:col>41</xdr:col>
      <xdr:colOff>101600</xdr:colOff>
      <xdr:row>59</xdr:row>
      <xdr:rowOff>39952</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7810500" y="1005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9</xdr:row>
      <xdr:rowOff>31079</xdr:rowOff>
    </xdr:from>
    <xdr:ext cx="59901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7561795" y="101466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18828</xdr:rowOff>
    </xdr:from>
    <xdr:to>
      <xdr:col>36</xdr:col>
      <xdr:colOff>165100</xdr:colOff>
      <xdr:row>59</xdr:row>
      <xdr:rowOff>48978</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6921500" y="10062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9</xdr:row>
      <xdr:rowOff>40105</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6672795" y="101556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6900</xdr:rowOff>
    </xdr:from>
    <xdr:to>
      <xdr:col>55</xdr:col>
      <xdr:colOff>50800</xdr:colOff>
      <xdr:row>59</xdr:row>
      <xdr:rowOff>27050</xdr:rowOff>
    </xdr:to>
    <xdr:sp macro="" textlink="">
      <xdr:nvSpPr>
        <xdr:cNvPr id="362" name="楕円 361">
          <a:extLst>
            <a:ext uri="{FF2B5EF4-FFF2-40B4-BE49-F238E27FC236}">
              <a16:creationId xmlns:a16="http://schemas.microsoft.com/office/drawing/2014/main" id="{00000000-0008-0000-0600-00006A010000}"/>
            </a:ext>
          </a:extLst>
        </xdr:cNvPr>
        <xdr:cNvSpPr/>
      </xdr:nvSpPr>
      <xdr:spPr>
        <a:xfrm>
          <a:off x="10426700" y="100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0716</xdr:rowOff>
    </xdr:from>
    <xdr:ext cx="599010" cy="259045"/>
    <xdr:sp macro="" textlink="">
      <xdr:nvSpPr>
        <xdr:cNvPr id="363" name="普通建設事業費該当値テキスト">
          <a:extLst>
            <a:ext uri="{FF2B5EF4-FFF2-40B4-BE49-F238E27FC236}">
              <a16:creationId xmlns:a16="http://schemas.microsoft.com/office/drawing/2014/main" id="{00000000-0008-0000-0600-00006B010000}"/>
            </a:ext>
          </a:extLst>
        </xdr:cNvPr>
        <xdr:cNvSpPr txBox="1"/>
      </xdr:nvSpPr>
      <xdr:spPr>
        <a:xfrm>
          <a:off x="10528300" y="9974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6646</xdr:rowOff>
    </xdr:from>
    <xdr:to>
      <xdr:col>50</xdr:col>
      <xdr:colOff>165100</xdr:colOff>
      <xdr:row>59</xdr:row>
      <xdr:rowOff>36796</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9588500" y="10050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9</xdr:row>
      <xdr:rowOff>27923</xdr:rowOff>
    </xdr:from>
    <xdr:ext cx="59901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339795" y="101434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8317</xdr:rowOff>
    </xdr:from>
    <xdr:to>
      <xdr:col>46</xdr:col>
      <xdr:colOff>38100</xdr:colOff>
      <xdr:row>59</xdr:row>
      <xdr:rowOff>38467</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8699500" y="10052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9</xdr:row>
      <xdr:rowOff>29594</xdr:rowOff>
    </xdr:from>
    <xdr:ext cx="59901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450795" y="10145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3476</xdr:rowOff>
    </xdr:from>
    <xdr:to>
      <xdr:col>41</xdr:col>
      <xdr:colOff>101600</xdr:colOff>
      <xdr:row>58</xdr:row>
      <xdr:rowOff>165076</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7810500" y="10007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10153</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561795" y="97828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0899</xdr:rowOff>
    </xdr:from>
    <xdr:to>
      <xdr:col>36</xdr:col>
      <xdr:colOff>165100</xdr:colOff>
      <xdr:row>59</xdr:row>
      <xdr:rowOff>1049</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6921500" y="10014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7576</xdr:rowOff>
    </xdr:from>
    <xdr:ext cx="59901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672795" y="9790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2" name="直線コネクタ 381">
          <a:extLst>
            <a:ext uri="{FF2B5EF4-FFF2-40B4-BE49-F238E27FC236}">
              <a16:creationId xmlns:a16="http://schemas.microsoft.com/office/drawing/2014/main" id="{00000000-0008-0000-0600-00007E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5905</xdr:rowOff>
    </xdr:from>
    <xdr:to>
      <xdr:col>54</xdr:col>
      <xdr:colOff>189865</xdr:colOff>
      <xdr:row>79</xdr:row>
      <xdr:rowOff>444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157405"/>
          <a:ext cx="1270" cy="14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582</xdr:rowOff>
    </xdr:from>
    <xdr:ext cx="690189"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19326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5905</xdr:rowOff>
    </xdr:from>
    <xdr:to>
      <xdr:col>55</xdr:col>
      <xdr:colOff>88900</xdr:colOff>
      <xdr:row>70</xdr:row>
      <xdr:rowOff>155905</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15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40909</xdr:rowOff>
    </xdr:from>
    <xdr:to>
      <xdr:col>55</xdr:col>
      <xdr:colOff>0</xdr:colOff>
      <xdr:row>78</xdr:row>
      <xdr:rowOff>158806</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9639300" y="13514009"/>
          <a:ext cx="838200" cy="17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63419</xdr:rowOff>
    </xdr:from>
    <xdr:ext cx="534377"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2650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542</xdr:rowOff>
    </xdr:from>
    <xdr:to>
      <xdr:col>55</xdr:col>
      <xdr:colOff>50800</xdr:colOff>
      <xdr:row>78</xdr:row>
      <xdr:rowOff>142142</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4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0909</xdr:rowOff>
    </xdr:from>
    <xdr:to>
      <xdr:col>50</xdr:col>
      <xdr:colOff>114300</xdr:colOff>
      <xdr:row>78</xdr:row>
      <xdr:rowOff>157882</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8750300" y="13514009"/>
          <a:ext cx="889000" cy="16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350</xdr:rowOff>
    </xdr:from>
    <xdr:to>
      <xdr:col>50</xdr:col>
      <xdr:colOff>165100</xdr:colOff>
      <xdr:row>78</xdr:row>
      <xdr:rowOff>90500</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36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107027</xdr:rowOff>
    </xdr:from>
    <xdr:ext cx="599010"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39795" y="131372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14458</xdr:rowOff>
    </xdr:from>
    <xdr:to>
      <xdr:col>45</xdr:col>
      <xdr:colOff>177800</xdr:colOff>
      <xdr:row>78</xdr:row>
      <xdr:rowOff>157882</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7861300" y="13487558"/>
          <a:ext cx="889000" cy="43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6554</xdr:rowOff>
    </xdr:from>
    <xdr:to>
      <xdr:col>46</xdr:col>
      <xdr:colOff>38100</xdr:colOff>
      <xdr:row>78</xdr:row>
      <xdr:rowOff>118154</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389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134681</xdr:rowOff>
    </xdr:from>
    <xdr:ext cx="599010"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50795" y="131648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4458</xdr:rowOff>
    </xdr:from>
    <xdr:to>
      <xdr:col>41</xdr:col>
      <xdr:colOff>50800</xdr:colOff>
      <xdr:row>78</xdr:row>
      <xdr:rowOff>141173</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6972300" y="13487558"/>
          <a:ext cx="889000" cy="26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0592</xdr:rowOff>
    </xdr:from>
    <xdr:to>
      <xdr:col>41</xdr:col>
      <xdr:colOff>101600</xdr:colOff>
      <xdr:row>79</xdr:row>
      <xdr:rowOff>30742</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47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21869</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94111" y="13566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3232</xdr:rowOff>
    </xdr:from>
    <xdr:to>
      <xdr:col>36</xdr:col>
      <xdr:colOff>165100</xdr:colOff>
      <xdr:row>79</xdr:row>
      <xdr:rowOff>43382</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486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34509</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705111" y="13579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08006</xdr:rowOff>
    </xdr:from>
    <xdr:to>
      <xdr:col>55</xdr:col>
      <xdr:colOff>50800</xdr:colOff>
      <xdr:row>79</xdr:row>
      <xdr:rowOff>38156</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3481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2933</xdr:rowOff>
    </xdr:from>
    <xdr:ext cx="534377"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3396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90109</xdr:rowOff>
    </xdr:from>
    <xdr:to>
      <xdr:col>50</xdr:col>
      <xdr:colOff>165100</xdr:colOff>
      <xdr:row>79</xdr:row>
      <xdr:rowOff>20259</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346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11386</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372111" y="13555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7082</xdr:rowOff>
    </xdr:from>
    <xdr:to>
      <xdr:col>46</xdr:col>
      <xdr:colOff>38100</xdr:colOff>
      <xdr:row>79</xdr:row>
      <xdr:rowOff>37232</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3480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28359</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483111" y="13572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3658</xdr:rowOff>
    </xdr:from>
    <xdr:to>
      <xdr:col>41</xdr:col>
      <xdr:colOff>101600</xdr:colOff>
      <xdr:row>78</xdr:row>
      <xdr:rowOff>165258</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3436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0335</xdr:rowOff>
    </xdr:from>
    <xdr:ext cx="534377"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594111" y="13211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0373</xdr:rowOff>
    </xdr:from>
    <xdr:to>
      <xdr:col>36</xdr:col>
      <xdr:colOff>165100</xdr:colOff>
      <xdr:row>79</xdr:row>
      <xdr:rowOff>20523</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3463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37050</xdr:rowOff>
    </xdr:from>
    <xdr:ext cx="534377"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705111" y="13238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普通建設事業費 （ うち更新整備　）グラフ枠">
          <a:extLst>
            <a:ext uri="{FF2B5EF4-FFF2-40B4-BE49-F238E27FC236}">
              <a16:creationId xmlns:a16="http://schemas.microsoft.com/office/drawing/2014/main" id="{00000000-0008-0000-06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56307</xdr:rowOff>
    </xdr:from>
    <xdr:to>
      <xdr:col>54</xdr:col>
      <xdr:colOff>189865</xdr:colOff>
      <xdr:row>98</xdr:row>
      <xdr:rowOff>129826</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flipV="1">
          <a:off x="10475595" y="15829707"/>
          <a:ext cx="1270" cy="110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3653</xdr:rowOff>
    </xdr:from>
    <xdr:ext cx="534377" cy="259045"/>
    <xdr:sp macro="" textlink="">
      <xdr:nvSpPr>
        <xdr:cNvPr id="451" name="普通建設事業費 （ うち更新整備　）最小値テキスト">
          <a:extLst>
            <a:ext uri="{FF2B5EF4-FFF2-40B4-BE49-F238E27FC236}">
              <a16:creationId xmlns:a16="http://schemas.microsoft.com/office/drawing/2014/main" id="{00000000-0008-0000-0600-0000C3010000}"/>
            </a:ext>
          </a:extLst>
        </xdr:cNvPr>
        <xdr:cNvSpPr txBox="1"/>
      </xdr:nvSpPr>
      <xdr:spPr>
        <a:xfrm>
          <a:off x="10528300" y="1693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826</xdr:rowOff>
    </xdr:from>
    <xdr:to>
      <xdr:col>55</xdr:col>
      <xdr:colOff>88900</xdr:colOff>
      <xdr:row>98</xdr:row>
      <xdr:rowOff>129826</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10388600" y="16931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2984</xdr:rowOff>
    </xdr:from>
    <xdr:ext cx="690189" cy="259045"/>
    <xdr:sp macro="" textlink="">
      <xdr:nvSpPr>
        <xdr:cNvPr id="453" name="普通建設事業費 （ うち更新整備　）最大値テキスト">
          <a:extLst>
            <a:ext uri="{FF2B5EF4-FFF2-40B4-BE49-F238E27FC236}">
              <a16:creationId xmlns:a16="http://schemas.microsoft.com/office/drawing/2014/main" id="{00000000-0008-0000-0600-0000C5010000}"/>
            </a:ext>
          </a:extLst>
        </xdr:cNvPr>
        <xdr:cNvSpPr txBox="1"/>
      </xdr:nvSpPr>
      <xdr:spPr>
        <a:xfrm>
          <a:off x="10528300" y="156049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56307</xdr:rowOff>
    </xdr:from>
    <xdr:to>
      <xdr:col>55</xdr:col>
      <xdr:colOff>88900</xdr:colOff>
      <xdr:row>92</xdr:row>
      <xdr:rowOff>56307</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582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82152</xdr:rowOff>
    </xdr:from>
    <xdr:to>
      <xdr:col>55</xdr:col>
      <xdr:colOff>0</xdr:colOff>
      <xdr:row>98</xdr:row>
      <xdr:rowOff>9703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9639300" y="16884252"/>
          <a:ext cx="838200" cy="14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8340</xdr:rowOff>
    </xdr:from>
    <xdr:ext cx="599010" cy="259045"/>
    <xdr:sp macro="" textlink="">
      <xdr:nvSpPr>
        <xdr:cNvPr id="456" name="普通建設事業費 （ うち更新整備　）平均値テキスト">
          <a:extLst>
            <a:ext uri="{FF2B5EF4-FFF2-40B4-BE49-F238E27FC236}">
              <a16:creationId xmlns:a16="http://schemas.microsoft.com/office/drawing/2014/main" id="{00000000-0008-0000-0600-0000C8010000}"/>
            </a:ext>
          </a:extLst>
        </xdr:cNvPr>
        <xdr:cNvSpPr txBox="1"/>
      </xdr:nvSpPr>
      <xdr:spPr>
        <a:xfrm>
          <a:off x="10528300" y="166589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463</xdr:rowOff>
    </xdr:from>
    <xdr:to>
      <xdr:col>55</xdr:col>
      <xdr:colOff>50800</xdr:colOff>
      <xdr:row>98</xdr:row>
      <xdr:rowOff>107063</xdr:rowOff>
    </xdr:to>
    <xdr:sp macro="" textlink="">
      <xdr:nvSpPr>
        <xdr:cNvPr id="457" name="フローチャート: 判断 456">
          <a:extLst>
            <a:ext uri="{FF2B5EF4-FFF2-40B4-BE49-F238E27FC236}">
              <a16:creationId xmlns:a16="http://schemas.microsoft.com/office/drawing/2014/main" id="{00000000-0008-0000-0600-0000C9010000}"/>
            </a:ext>
          </a:extLst>
        </xdr:cNvPr>
        <xdr:cNvSpPr/>
      </xdr:nvSpPr>
      <xdr:spPr>
        <a:xfrm>
          <a:off x="10426700" y="16807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97030</xdr:rowOff>
    </xdr:from>
    <xdr:to>
      <xdr:col>50</xdr:col>
      <xdr:colOff>114300</xdr:colOff>
      <xdr:row>98</xdr:row>
      <xdr:rowOff>102611</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8750300" y="16899130"/>
          <a:ext cx="889000" cy="5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113</xdr:rowOff>
    </xdr:from>
    <xdr:to>
      <xdr:col>50</xdr:col>
      <xdr:colOff>165100</xdr:colOff>
      <xdr:row>98</xdr:row>
      <xdr:rowOff>10471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9588500" y="1680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121240</xdr:rowOff>
    </xdr:from>
    <xdr:ext cx="599010"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9339795" y="16580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67373</xdr:rowOff>
    </xdr:from>
    <xdr:to>
      <xdr:col>45</xdr:col>
      <xdr:colOff>177800</xdr:colOff>
      <xdr:row>98</xdr:row>
      <xdr:rowOff>10261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7861300" y="16869473"/>
          <a:ext cx="889000" cy="35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237</xdr:rowOff>
    </xdr:from>
    <xdr:to>
      <xdr:col>46</xdr:col>
      <xdr:colOff>38100</xdr:colOff>
      <xdr:row>98</xdr:row>
      <xdr:rowOff>101837</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8699500" y="1680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118364</xdr:rowOff>
    </xdr:from>
    <xdr:ext cx="599010"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8450795" y="16577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67373</xdr:rowOff>
    </xdr:from>
    <xdr:to>
      <xdr:col>41</xdr:col>
      <xdr:colOff>50800</xdr:colOff>
      <xdr:row>98</xdr:row>
      <xdr:rowOff>70007</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6972300" y="16869473"/>
          <a:ext cx="889000" cy="2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53132</xdr:rowOff>
    </xdr:from>
    <xdr:to>
      <xdr:col>41</xdr:col>
      <xdr:colOff>101600</xdr:colOff>
      <xdr:row>98</xdr:row>
      <xdr:rowOff>154732</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7810500" y="16855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45859</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7594111" y="16947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58620</xdr:rowOff>
    </xdr:from>
    <xdr:to>
      <xdr:col>36</xdr:col>
      <xdr:colOff>165100</xdr:colOff>
      <xdr:row>98</xdr:row>
      <xdr:rowOff>160220</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6921500" y="1686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51347</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6705111" y="16953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1352</xdr:rowOff>
    </xdr:from>
    <xdr:to>
      <xdr:col>55</xdr:col>
      <xdr:colOff>50800</xdr:colOff>
      <xdr:row>98</xdr:row>
      <xdr:rowOff>132952</xdr:rowOff>
    </xdr:to>
    <xdr:sp macro="" textlink="">
      <xdr:nvSpPr>
        <xdr:cNvPr id="474" name="楕円 473">
          <a:extLst>
            <a:ext uri="{FF2B5EF4-FFF2-40B4-BE49-F238E27FC236}">
              <a16:creationId xmlns:a16="http://schemas.microsoft.com/office/drawing/2014/main" id="{00000000-0008-0000-0600-0000DA010000}"/>
            </a:ext>
          </a:extLst>
        </xdr:cNvPr>
        <xdr:cNvSpPr/>
      </xdr:nvSpPr>
      <xdr:spPr>
        <a:xfrm>
          <a:off x="10426700" y="16833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5341</xdr:rowOff>
    </xdr:from>
    <xdr:ext cx="599010" cy="259045"/>
    <xdr:sp macro="" textlink="">
      <xdr:nvSpPr>
        <xdr:cNvPr id="475" name="普通建設事業費 （ うち更新整備　）該当値テキスト">
          <a:extLst>
            <a:ext uri="{FF2B5EF4-FFF2-40B4-BE49-F238E27FC236}">
              <a16:creationId xmlns:a16="http://schemas.microsoft.com/office/drawing/2014/main" id="{00000000-0008-0000-0600-0000DB010000}"/>
            </a:ext>
          </a:extLst>
        </xdr:cNvPr>
        <xdr:cNvSpPr txBox="1"/>
      </xdr:nvSpPr>
      <xdr:spPr>
        <a:xfrm>
          <a:off x="10528300" y="16785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46230</xdr:rowOff>
    </xdr:from>
    <xdr:to>
      <xdr:col>50</xdr:col>
      <xdr:colOff>165100</xdr:colOff>
      <xdr:row>98</xdr:row>
      <xdr:rowOff>147830</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9588500" y="1684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38957</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372111" y="16941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51811</xdr:rowOff>
    </xdr:from>
    <xdr:to>
      <xdr:col>46</xdr:col>
      <xdr:colOff>38100</xdr:colOff>
      <xdr:row>98</xdr:row>
      <xdr:rowOff>153411</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8699500" y="16853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44538</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83111" y="16946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6573</xdr:rowOff>
    </xdr:from>
    <xdr:to>
      <xdr:col>41</xdr:col>
      <xdr:colOff>101600</xdr:colOff>
      <xdr:row>98</xdr:row>
      <xdr:rowOff>118173</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7810500" y="16818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134700</xdr:rowOff>
    </xdr:from>
    <xdr:ext cx="59901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61795" y="165939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9207</xdr:rowOff>
    </xdr:from>
    <xdr:to>
      <xdr:col>36</xdr:col>
      <xdr:colOff>165100</xdr:colOff>
      <xdr:row>98</xdr:row>
      <xdr:rowOff>120807</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6921500" y="16821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137334</xdr:rowOff>
    </xdr:from>
    <xdr:ext cx="59901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672795" y="165965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6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08</xdr:rowOff>
    </xdr:from>
    <xdr:to>
      <xdr:col>85</xdr:col>
      <xdr:colOff>126364</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6317595" y="5274308"/>
          <a:ext cx="1269" cy="151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0" name="災害復旧事業費最小値テキスト">
          <a:extLst>
            <a:ext uri="{FF2B5EF4-FFF2-40B4-BE49-F238E27FC236}">
              <a16:creationId xmlns:a16="http://schemas.microsoft.com/office/drawing/2014/main" id="{00000000-0008-0000-0600-0000FE01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485</xdr:rowOff>
    </xdr:from>
    <xdr:ext cx="599010" cy="259045"/>
    <xdr:sp macro="" textlink="">
      <xdr:nvSpPr>
        <xdr:cNvPr id="512" name="災害復旧事業費最大値テキスト">
          <a:extLst>
            <a:ext uri="{FF2B5EF4-FFF2-40B4-BE49-F238E27FC236}">
              <a16:creationId xmlns:a16="http://schemas.microsoft.com/office/drawing/2014/main" id="{00000000-0008-0000-0600-000000020000}"/>
            </a:ext>
          </a:extLst>
        </xdr:cNvPr>
        <xdr:cNvSpPr txBox="1"/>
      </xdr:nvSpPr>
      <xdr:spPr>
        <a:xfrm>
          <a:off x="16370300" y="5049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08</xdr:rowOff>
    </xdr:from>
    <xdr:to>
      <xdr:col>86</xdr:col>
      <xdr:colOff>25400</xdr:colOff>
      <xdr:row>30</xdr:row>
      <xdr:rowOff>13080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5274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68576</xdr:rowOff>
    </xdr:from>
    <xdr:to>
      <xdr:col>85</xdr:col>
      <xdr:colOff>127000</xdr:colOff>
      <xdr:row>39</xdr:row>
      <xdr:rowOff>5084</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5481300" y="6583676"/>
          <a:ext cx="838200" cy="107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2060</xdr:rowOff>
    </xdr:from>
    <xdr:ext cx="534377" cy="259045"/>
    <xdr:sp macro="" textlink="">
      <xdr:nvSpPr>
        <xdr:cNvPr id="515" name="災害復旧事業費平均値テキスト">
          <a:extLst>
            <a:ext uri="{FF2B5EF4-FFF2-40B4-BE49-F238E27FC236}">
              <a16:creationId xmlns:a16="http://schemas.microsoft.com/office/drawing/2014/main" id="{00000000-0008-0000-0600-000003020000}"/>
            </a:ext>
          </a:extLst>
        </xdr:cNvPr>
        <xdr:cNvSpPr txBox="1"/>
      </xdr:nvSpPr>
      <xdr:spPr>
        <a:xfrm>
          <a:off x="16370300" y="66471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3633</xdr:rowOff>
    </xdr:from>
    <xdr:to>
      <xdr:col>85</xdr:col>
      <xdr:colOff>177800</xdr:colOff>
      <xdr:row>39</xdr:row>
      <xdr:rowOff>83783</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6268700" y="6668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59334</xdr:rowOff>
    </xdr:from>
    <xdr:to>
      <xdr:col>81</xdr:col>
      <xdr:colOff>50800</xdr:colOff>
      <xdr:row>38</xdr:row>
      <xdr:rowOff>68576</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4592300" y="6502984"/>
          <a:ext cx="889000" cy="80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164</xdr:rowOff>
    </xdr:from>
    <xdr:to>
      <xdr:col>81</xdr:col>
      <xdr:colOff>101600</xdr:colOff>
      <xdr:row>39</xdr:row>
      <xdr:rowOff>80314</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5430500" y="666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9</xdr:row>
      <xdr:rowOff>71441</xdr:rowOff>
    </xdr:from>
    <xdr:ext cx="534377"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5214111" y="6757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59334</xdr:rowOff>
    </xdr:from>
    <xdr:to>
      <xdr:col>76</xdr:col>
      <xdr:colOff>114300</xdr:colOff>
      <xdr:row>38</xdr:row>
      <xdr:rowOff>72900</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flipV="1">
          <a:off x="13703300" y="6502984"/>
          <a:ext cx="889000" cy="85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123</xdr:rowOff>
    </xdr:from>
    <xdr:to>
      <xdr:col>76</xdr:col>
      <xdr:colOff>165100</xdr:colOff>
      <xdr:row>39</xdr:row>
      <xdr:rowOff>6527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4541500" y="6650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56400</xdr:rowOff>
    </xdr:from>
    <xdr:ext cx="534377"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325111" y="6742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72900</xdr:rowOff>
    </xdr:from>
    <xdr:to>
      <xdr:col>71</xdr:col>
      <xdr:colOff>177800</xdr:colOff>
      <xdr:row>39</xdr:row>
      <xdr:rowOff>81031</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flipV="1">
          <a:off x="12814300" y="6588000"/>
          <a:ext cx="889000" cy="17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6731</xdr:rowOff>
    </xdr:from>
    <xdr:to>
      <xdr:col>72</xdr:col>
      <xdr:colOff>38100</xdr:colOff>
      <xdr:row>39</xdr:row>
      <xdr:rowOff>108331</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3652500" y="6693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99458</xdr:rowOff>
    </xdr:from>
    <xdr:ext cx="534377"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3436111" y="678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6855</xdr:rowOff>
    </xdr:from>
    <xdr:to>
      <xdr:col>67</xdr:col>
      <xdr:colOff>101600</xdr:colOff>
      <xdr:row>39</xdr:row>
      <xdr:rowOff>108455</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2763500" y="6693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24982</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547111" y="6468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5734</xdr:rowOff>
    </xdr:from>
    <xdr:to>
      <xdr:col>85</xdr:col>
      <xdr:colOff>177800</xdr:colOff>
      <xdr:row>39</xdr:row>
      <xdr:rowOff>55884</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6268700" y="6640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85111</xdr:rowOff>
    </xdr:from>
    <xdr:ext cx="534377" cy="259045"/>
    <xdr:sp macro="" textlink="">
      <xdr:nvSpPr>
        <xdr:cNvPr id="534" name="災害復旧事業費該当値テキスト">
          <a:extLst>
            <a:ext uri="{FF2B5EF4-FFF2-40B4-BE49-F238E27FC236}">
              <a16:creationId xmlns:a16="http://schemas.microsoft.com/office/drawing/2014/main" id="{00000000-0008-0000-0600-000016020000}"/>
            </a:ext>
          </a:extLst>
        </xdr:cNvPr>
        <xdr:cNvSpPr txBox="1"/>
      </xdr:nvSpPr>
      <xdr:spPr>
        <a:xfrm>
          <a:off x="16370300" y="6428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7776</xdr:rowOff>
    </xdr:from>
    <xdr:to>
      <xdr:col>81</xdr:col>
      <xdr:colOff>101600</xdr:colOff>
      <xdr:row>38</xdr:row>
      <xdr:rowOff>119376</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5430500" y="6532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35903</xdr:rowOff>
    </xdr:from>
    <xdr:ext cx="534377"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14111" y="6308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08533</xdr:rowOff>
    </xdr:from>
    <xdr:to>
      <xdr:col>76</xdr:col>
      <xdr:colOff>165100</xdr:colOff>
      <xdr:row>38</xdr:row>
      <xdr:rowOff>38683</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4541500" y="6452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5210</xdr:rowOff>
    </xdr:from>
    <xdr:ext cx="534377"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25111" y="6227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22100</xdr:rowOff>
    </xdr:from>
    <xdr:to>
      <xdr:col>72</xdr:col>
      <xdr:colOff>38100</xdr:colOff>
      <xdr:row>38</xdr:row>
      <xdr:rowOff>123700</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3652500" y="65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40227</xdr:rowOff>
    </xdr:from>
    <xdr:ext cx="534377"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436111" y="6312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30231</xdr:rowOff>
    </xdr:from>
    <xdr:to>
      <xdr:col>67</xdr:col>
      <xdr:colOff>101600</xdr:colOff>
      <xdr:row>39</xdr:row>
      <xdr:rowOff>131831</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2763500" y="6716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122958</xdr:rowOff>
    </xdr:from>
    <xdr:ext cx="469744"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579428" y="6809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3</xdr:row>
      <xdr:rowOff>168927</xdr:rowOff>
    </xdr:from>
    <xdr:ext cx="685572"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760428"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1</xdr:row>
      <xdr:rowOff>130827</xdr:rowOff>
    </xdr:from>
    <xdr:ext cx="685572"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760428"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9</xdr:row>
      <xdr:rowOff>92727</xdr:rowOff>
    </xdr:from>
    <xdr:ext cx="685572"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760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441</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6317595" y="12078941"/>
          <a:ext cx="1269" cy="151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6" name="公債費最小値テキスト">
          <a:extLst>
            <a:ext uri="{FF2B5EF4-FFF2-40B4-BE49-F238E27FC236}">
              <a16:creationId xmlns:a16="http://schemas.microsoft.com/office/drawing/2014/main" id="{00000000-0008-0000-0600-000068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118</xdr:rowOff>
    </xdr:from>
    <xdr:ext cx="690189" cy="259045"/>
    <xdr:sp macro="" textlink="">
      <xdr:nvSpPr>
        <xdr:cNvPr id="618" name="公債費最大値テキスト">
          <a:extLst>
            <a:ext uri="{FF2B5EF4-FFF2-40B4-BE49-F238E27FC236}">
              <a16:creationId xmlns:a16="http://schemas.microsoft.com/office/drawing/2014/main" id="{00000000-0008-0000-0600-00006A020000}"/>
            </a:ext>
          </a:extLst>
        </xdr:cNvPr>
        <xdr:cNvSpPr txBox="1"/>
      </xdr:nvSpPr>
      <xdr:spPr>
        <a:xfrm>
          <a:off x="16370300" y="11854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1,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441</xdr:rowOff>
    </xdr:from>
    <xdr:to>
      <xdr:col>86</xdr:col>
      <xdr:colOff>25400</xdr:colOff>
      <xdr:row>70</xdr:row>
      <xdr:rowOff>77441</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2078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1157</xdr:rowOff>
    </xdr:from>
    <xdr:to>
      <xdr:col>85</xdr:col>
      <xdr:colOff>127000</xdr:colOff>
      <xdr:row>79</xdr:row>
      <xdr:rowOff>11556</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flipV="1">
          <a:off x="15481300" y="13555707"/>
          <a:ext cx="838200" cy="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3039</xdr:rowOff>
    </xdr:from>
    <xdr:ext cx="599010" cy="259045"/>
    <xdr:sp macro="" textlink="">
      <xdr:nvSpPr>
        <xdr:cNvPr id="621" name="公債費平均値テキスト">
          <a:extLst>
            <a:ext uri="{FF2B5EF4-FFF2-40B4-BE49-F238E27FC236}">
              <a16:creationId xmlns:a16="http://schemas.microsoft.com/office/drawing/2014/main" id="{00000000-0008-0000-0600-00006D020000}"/>
            </a:ext>
          </a:extLst>
        </xdr:cNvPr>
        <xdr:cNvSpPr txBox="1"/>
      </xdr:nvSpPr>
      <xdr:spPr>
        <a:xfrm>
          <a:off x="16370300" y="13264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162</xdr:rowOff>
    </xdr:from>
    <xdr:to>
      <xdr:col>85</xdr:col>
      <xdr:colOff>177800</xdr:colOff>
      <xdr:row>78</xdr:row>
      <xdr:rowOff>141762</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6268700" y="1341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1556</xdr:rowOff>
    </xdr:from>
    <xdr:to>
      <xdr:col>81</xdr:col>
      <xdr:colOff>50800</xdr:colOff>
      <xdr:row>79</xdr:row>
      <xdr:rowOff>12247</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4592300" y="13556106"/>
          <a:ext cx="889000" cy="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0963</xdr:rowOff>
    </xdr:from>
    <xdr:to>
      <xdr:col>81</xdr:col>
      <xdr:colOff>101600</xdr:colOff>
      <xdr:row>78</xdr:row>
      <xdr:rowOff>152563</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5430500" y="1342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169090</xdr:rowOff>
    </xdr:from>
    <xdr:ext cx="599010"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5181795" y="131992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12081</xdr:rowOff>
    </xdr:from>
    <xdr:to>
      <xdr:col>76</xdr:col>
      <xdr:colOff>114300</xdr:colOff>
      <xdr:row>79</xdr:row>
      <xdr:rowOff>12247</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3703300" y="13556631"/>
          <a:ext cx="889000" cy="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938</xdr:rowOff>
    </xdr:from>
    <xdr:to>
      <xdr:col>76</xdr:col>
      <xdr:colOff>165100</xdr:colOff>
      <xdr:row>78</xdr:row>
      <xdr:rowOff>15053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4541500" y="1342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167065</xdr:rowOff>
    </xdr:from>
    <xdr:ext cx="599010"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4292795" y="13197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12081</xdr:rowOff>
    </xdr:from>
    <xdr:to>
      <xdr:col>71</xdr:col>
      <xdr:colOff>177800</xdr:colOff>
      <xdr:row>79</xdr:row>
      <xdr:rowOff>13224</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2814300" y="13556631"/>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10530</xdr:rowOff>
    </xdr:from>
    <xdr:to>
      <xdr:col>72</xdr:col>
      <xdr:colOff>38100</xdr:colOff>
      <xdr:row>79</xdr:row>
      <xdr:rowOff>40680</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3652500" y="13483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57207</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3436111" y="13258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7945</xdr:rowOff>
    </xdr:from>
    <xdr:to>
      <xdr:col>67</xdr:col>
      <xdr:colOff>101600</xdr:colOff>
      <xdr:row>79</xdr:row>
      <xdr:rowOff>38095</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2763500" y="13481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54622</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547111" y="13256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1807</xdr:rowOff>
    </xdr:from>
    <xdr:to>
      <xdr:col>85</xdr:col>
      <xdr:colOff>177800</xdr:colOff>
      <xdr:row>79</xdr:row>
      <xdr:rowOff>61957</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6268700" y="13504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46734</xdr:rowOff>
    </xdr:from>
    <xdr:ext cx="534377" cy="259045"/>
    <xdr:sp macro="" textlink="">
      <xdr:nvSpPr>
        <xdr:cNvPr id="640" name="公債費該当値テキスト">
          <a:extLst>
            <a:ext uri="{FF2B5EF4-FFF2-40B4-BE49-F238E27FC236}">
              <a16:creationId xmlns:a16="http://schemas.microsoft.com/office/drawing/2014/main" id="{00000000-0008-0000-0600-000080020000}"/>
            </a:ext>
          </a:extLst>
        </xdr:cNvPr>
        <xdr:cNvSpPr txBox="1"/>
      </xdr:nvSpPr>
      <xdr:spPr>
        <a:xfrm>
          <a:off x="16370300" y="13419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32206</xdr:rowOff>
    </xdr:from>
    <xdr:to>
      <xdr:col>81</xdr:col>
      <xdr:colOff>101600</xdr:colOff>
      <xdr:row>79</xdr:row>
      <xdr:rowOff>62356</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5430500" y="13505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53483</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14111" y="13598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32897</xdr:rowOff>
    </xdr:from>
    <xdr:to>
      <xdr:col>76</xdr:col>
      <xdr:colOff>165100</xdr:colOff>
      <xdr:row>79</xdr:row>
      <xdr:rowOff>63047</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4541500" y="13505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54174</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325111" y="13598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32731</xdr:rowOff>
    </xdr:from>
    <xdr:to>
      <xdr:col>72</xdr:col>
      <xdr:colOff>38100</xdr:colOff>
      <xdr:row>79</xdr:row>
      <xdr:rowOff>62881</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3652500" y="13505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54008</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36111" y="13598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3874</xdr:rowOff>
    </xdr:from>
    <xdr:to>
      <xdr:col>67</xdr:col>
      <xdr:colOff>101600</xdr:colOff>
      <xdr:row>79</xdr:row>
      <xdr:rowOff>64024</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2763500" y="13506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55151</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47111" y="13599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2</xdr:row>
      <xdr:rowOff>111777</xdr:rowOff>
    </xdr:from>
    <xdr:ext cx="685572"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760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168927</xdr:rowOff>
    </xdr:from>
    <xdr:ext cx="685572"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760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765</xdr:rowOff>
    </xdr:from>
    <xdr:to>
      <xdr:col>85</xdr:col>
      <xdr:colOff>126364</xdr:colOff>
      <xdr:row>98</xdr:row>
      <xdr:rowOff>13952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6317595" y="15541265"/>
          <a:ext cx="1269" cy="1400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353</xdr:rowOff>
    </xdr:from>
    <xdr:ext cx="378565" cy="259045"/>
    <xdr:sp macro="" textlink="">
      <xdr:nvSpPr>
        <xdr:cNvPr id="671" name="積立金最小値テキスト">
          <a:extLst>
            <a:ext uri="{FF2B5EF4-FFF2-40B4-BE49-F238E27FC236}">
              <a16:creationId xmlns:a16="http://schemas.microsoft.com/office/drawing/2014/main" id="{00000000-0008-0000-0600-00009F020000}"/>
            </a:ext>
          </a:extLst>
        </xdr:cNvPr>
        <xdr:cNvSpPr txBox="1"/>
      </xdr:nvSpPr>
      <xdr:spPr>
        <a:xfrm>
          <a:off x="16370300" y="16945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526</xdr:rowOff>
    </xdr:from>
    <xdr:to>
      <xdr:col>86</xdr:col>
      <xdr:colOff>25400</xdr:colOff>
      <xdr:row>98</xdr:row>
      <xdr:rowOff>13952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6941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442</xdr:rowOff>
    </xdr:from>
    <xdr:ext cx="690189" cy="259045"/>
    <xdr:sp macro="" textlink="">
      <xdr:nvSpPr>
        <xdr:cNvPr id="673" name="積立金最大値テキスト">
          <a:extLst>
            <a:ext uri="{FF2B5EF4-FFF2-40B4-BE49-F238E27FC236}">
              <a16:creationId xmlns:a16="http://schemas.microsoft.com/office/drawing/2014/main" id="{00000000-0008-0000-0600-0000A1020000}"/>
            </a:ext>
          </a:extLst>
        </xdr:cNvPr>
        <xdr:cNvSpPr txBox="1"/>
      </xdr:nvSpPr>
      <xdr:spPr>
        <a:xfrm>
          <a:off x="16370300" y="153164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765</xdr:rowOff>
    </xdr:from>
    <xdr:to>
      <xdr:col>86</xdr:col>
      <xdr:colOff>25400</xdr:colOff>
      <xdr:row>90</xdr:row>
      <xdr:rowOff>110765</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5541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4029</xdr:rowOff>
    </xdr:from>
    <xdr:to>
      <xdr:col>85</xdr:col>
      <xdr:colOff>127000</xdr:colOff>
      <xdr:row>98</xdr:row>
      <xdr:rowOff>5116</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flipV="1">
          <a:off x="15481300" y="16784679"/>
          <a:ext cx="838200" cy="22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6327</xdr:rowOff>
    </xdr:from>
    <xdr:ext cx="599010" cy="259045"/>
    <xdr:sp macro="" textlink="">
      <xdr:nvSpPr>
        <xdr:cNvPr id="676" name="積立金平均値テキスト">
          <a:extLst>
            <a:ext uri="{FF2B5EF4-FFF2-40B4-BE49-F238E27FC236}">
              <a16:creationId xmlns:a16="http://schemas.microsoft.com/office/drawing/2014/main" id="{00000000-0008-0000-0600-0000A4020000}"/>
            </a:ext>
          </a:extLst>
        </xdr:cNvPr>
        <xdr:cNvSpPr txBox="1"/>
      </xdr:nvSpPr>
      <xdr:spPr>
        <a:xfrm>
          <a:off x="16370300" y="167269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900</xdr:rowOff>
    </xdr:from>
    <xdr:to>
      <xdr:col>85</xdr:col>
      <xdr:colOff>177800</xdr:colOff>
      <xdr:row>98</xdr:row>
      <xdr:rowOff>48050</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6268700" y="16748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5116</xdr:rowOff>
    </xdr:from>
    <xdr:to>
      <xdr:col>81</xdr:col>
      <xdr:colOff>50800</xdr:colOff>
      <xdr:row>98</xdr:row>
      <xdr:rowOff>41419</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4592300" y="16807216"/>
          <a:ext cx="889000" cy="36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54332</xdr:rowOff>
    </xdr:from>
    <xdr:to>
      <xdr:col>81</xdr:col>
      <xdr:colOff>101600</xdr:colOff>
      <xdr:row>97</xdr:row>
      <xdr:rowOff>155932</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5430500" y="1668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009</xdr:rowOff>
    </xdr:from>
    <xdr:ext cx="599010"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5181795" y="164602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41419</xdr:rowOff>
    </xdr:from>
    <xdr:to>
      <xdr:col>76</xdr:col>
      <xdr:colOff>114300</xdr:colOff>
      <xdr:row>98</xdr:row>
      <xdr:rowOff>47079</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3703300" y="16843519"/>
          <a:ext cx="889000" cy="5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9740</xdr:rowOff>
    </xdr:from>
    <xdr:to>
      <xdr:col>76</xdr:col>
      <xdr:colOff>165100</xdr:colOff>
      <xdr:row>98</xdr:row>
      <xdr:rowOff>12134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4541500" y="1682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246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4325111" y="16914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7079</xdr:rowOff>
    </xdr:from>
    <xdr:to>
      <xdr:col>71</xdr:col>
      <xdr:colOff>177800</xdr:colOff>
      <xdr:row>98</xdr:row>
      <xdr:rowOff>80947</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2814300" y="16849179"/>
          <a:ext cx="889000" cy="33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43959</xdr:rowOff>
    </xdr:from>
    <xdr:to>
      <xdr:col>72</xdr:col>
      <xdr:colOff>38100</xdr:colOff>
      <xdr:row>98</xdr:row>
      <xdr:rowOff>145559</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3652500" y="16846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36686</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3436111" y="1693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4135</xdr:rowOff>
    </xdr:from>
    <xdr:to>
      <xdr:col>67</xdr:col>
      <xdr:colOff>101600</xdr:colOff>
      <xdr:row>98</xdr:row>
      <xdr:rowOff>145735</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2763500" y="16846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6862</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547111" y="1693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3229</xdr:rowOff>
    </xdr:from>
    <xdr:to>
      <xdr:col>85</xdr:col>
      <xdr:colOff>177800</xdr:colOff>
      <xdr:row>98</xdr:row>
      <xdr:rowOff>33379</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6268700" y="16733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26106</xdr:rowOff>
    </xdr:from>
    <xdr:ext cx="599010" cy="259045"/>
    <xdr:sp macro="" textlink="">
      <xdr:nvSpPr>
        <xdr:cNvPr id="695" name="積立金該当値テキスト">
          <a:extLst>
            <a:ext uri="{FF2B5EF4-FFF2-40B4-BE49-F238E27FC236}">
              <a16:creationId xmlns:a16="http://schemas.microsoft.com/office/drawing/2014/main" id="{00000000-0008-0000-0600-0000B7020000}"/>
            </a:ext>
          </a:extLst>
        </xdr:cNvPr>
        <xdr:cNvSpPr txBox="1"/>
      </xdr:nvSpPr>
      <xdr:spPr>
        <a:xfrm>
          <a:off x="16370300" y="165853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5766</xdr:rowOff>
    </xdr:from>
    <xdr:to>
      <xdr:col>81</xdr:col>
      <xdr:colOff>101600</xdr:colOff>
      <xdr:row>98</xdr:row>
      <xdr:rowOff>55916</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5430500" y="16756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8</xdr:row>
      <xdr:rowOff>47043</xdr:rowOff>
    </xdr:from>
    <xdr:ext cx="59901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181795" y="16849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62069</xdr:rowOff>
    </xdr:from>
    <xdr:to>
      <xdr:col>76</xdr:col>
      <xdr:colOff>165100</xdr:colOff>
      <xdr:row>98</xdr:row>
      <xdr:rowOff>92219</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4541500" y="16792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08746</xdr:rowOff>
    </xdr:from>
    <xdr:ext cx="59901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292795" y="165679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7729</xdr:rowOff>
    </xdr:from>
    <xdr:to>
      <xdr:col>72</xdr:col>
      <xdr:colOff>38100</xdr:colOff>
      <xdr:row>98</xdr:row>
      <xdr:rowOff>97879</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3652500" y="16798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14406</xdr:rowOff>
    </xdr:from>
    <xdr:ext cx="59901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403795" y="16573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0147</xdr:rowOff>
    </xdr:from>
    <xdr:to>
      <xdr:col>67</xdr:col>
      <xdr:colOff>101600</xdr:colOff>
      <xdr:row>98</xdr:row>
      <xdr:rowOff>131747</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2763500" y="16832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8274</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547111" y="16607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7777</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171277"/>
          <a:ext cx="1269" cy="1483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5904</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49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7777</xdr:rowOff>
    </xdr:from>
    <xdr:to>
      <xdr:col>116</xdr:col>
      <xdr:colOff>152400</xdr:colOff>
      <xdr:row>30</xdr:row>
      <xdr:rowOff>27777</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171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0</xdr:row>
      <xdr:rowOff>27777</xdr:rowOff>
    </xdr:from>
    <xdr:to>
      <xdr:col>116</xdr:col>
      <xdr:colOff>63500</xdr:colOff>
      <xdr:row>38</xdr:row>
      <xdr:rowOff>9032</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flipV="1">
          <a:off x="21323300" y="5171277"/>
          <a:ext cx="838200" cy="1352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2000</xdr:rowOff>
    </xdr:from>
    <xdr:ext cx="378565"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4956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23</xdr:rowOff>
    </xdr:from>
    <xdr:to>
      <xdr:col>116</xdr:col>
      <xdr:colOff>114300</xdr:colOff>
      <xdr:row>38</xdr:row>
      <xdr:rowOff>103723</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517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9032</xdr:rowOff>
    </xdr:from>
    <xdr:to>
      <xdr:col>111</xdr:col>
      <xdr:colOff>177800</xdr:colOff>
      <xdr:row>38</xdr:row>
      <xdr:rowOff>11409</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flipV="1">
          <a:off x="20434300" y="6524132"/>
          <a:ext cx="889000" cy="2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797</xdr:rowOff>
    </xdr:from>
    <xdr:to>
      <xdr:col>112</xdr:col>
      <xdr:colOff>38100</xdr:colOff>
      <xdr:row>38</xdr:row>
      <xdr:rowOff>63946</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47744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55074</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57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1409</xdr:rowOff>
    </xdr:from>
    <xdr:to>
      <xdr:col>107</xdr:col>
      <xdr:colOff>50800</xdr:colOff>
      <xdr:row>38</xdr:row>
      <xdr:rowOff>1269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flipV="1">
          <a:off x="19545300" y="6526509"/>
          <a:ext cx="889000" cy="1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0879</xdr:rowOff>
    </xdr:from>
    <xdr:to>
      <xdr:col>107</xdr:col>
      <xdr:colOff>101600</xdr:colOff>
      <xdr:row>38</xdr:row>
      <xdr:rowOff>31029</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444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7556</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219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169875</xdr:rowOff>
    </xdr:from>
    <xdr:to>
      <xdr:col>102</xdr:col>
      <xdr:colOff>114300</xdr:colOff>
      <xdr:row>38</xdr:row>
      <xdr:rowOff>1269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513525"/>
          <a:ext cx="889000" cy="14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27122</xdr:rowOff>
    </xdr:from>
    <xdr:to>
      <xdr:col>102</xdr:col>
      <xdr:colOff>165100</xdr:colOff>
      <xdr:row>38</xdr:row>
      <xdr:rowOff>57272</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47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73799</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245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90729</xdr:rowOff>
    </xdr:from>
    <xdr:to>
      <xdr:col>98</xdr:col>
      <xdr:colOff>38100</xdr:colOff>
      <xdr:row>38</xdr:row>
      <xdr:rowOff>20879</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434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37406</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21428" y="6209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29</xdr:row>
      <xdr:rowOff>148427</xdr:rowOff>
    </xdr:from>
    <xdr:to>
      <xdr:col>116</xdr:col>
      <xdr:colOff>114300</xdr:colOff>
      <xdr:row>30</xdr:row>
      <xdr:rowOff>78577</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5120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29</xdr:row>
      <xdr:rowOff>101454</xdr:rowOff>
    </xdr:from>
    <xdr:ext cx="534377"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5073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29682</xdr:rowOff>
    </xdr:from>
    <xdr:to>
      <xdr:col>112</xdr:col>
      <xdr:colOff>38100</xdr:colOff>
      <xdr:row>38</xdr:row>
      <xdr:rowOff>59832</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473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76359</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088428" y="6248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32060</xdr:rowOff>
    </xdr:from>
    <xdr:to>
      <xdr:col>107</xdr:col>
      <xdr:colOff>101600</xdr:colOff>
      <xdr:row>38</xdr:row>
      <xdr:rowOff>6221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475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53336</xdr:rowOff>
    </xdr:from>
    <xdr:ext cx="469744"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199428" y="6568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33340</xdr:rowOff>
    </xdr:from>
    <xdr:to>
      <xdr:col>102</xdr:col>
      <xdr:colOff>165100</xdr:colOff>
      <xdr:row>38</xdr:row>
      <xdr:rowOff>6349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476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54617</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310428" y="6569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19075</xdr:rowOff>
    </xdr:from>
    <xdr:to>
      <xdr:col>98</xdr:col>
      <xdr:colOff>38100</xdr:colOff>
      <xdr:row>38</xdr:row>
      <xdr:rowOff>49225</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462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40352</xdr:rowOff>
    </xdr:from>
    <xdr:ext cx="469744"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21428" y="6555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51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775467"/>
          <a:ext cx="1269" cy="1438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6054</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21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644</xdr:rowOff>
    </xdr:from>
    <xdr:ext cx="599010"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50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517</xdr:rowOff>
    </xdr:from>
    <xdr:to>
      <xdr:col>116</xdr:col>
      <xdr:colOff>152400</xdr:colOff>
      <xdr:row>51</xdr:row>
      <xdr:rowOff>3151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775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8878</xdr:rowOff>
    </xdr:from>
    <xdr:to>
      <xdr:col>116</xdr:col>
      <xdr:colOff>63500</xdr:colOff>
      <xdr:row>59</xdr:row>
      <xdr:rowOff>98878</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1323300" y="10214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3505</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9967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628</xdr:rowOff>
    </xdr:from>
    <xdr:to>
      <xdr:col>116</xdr:col>
      <xdr:colOff>114300</xdr:colOff>
      <xdr:row>59</xdr:row>
      <xdr:rowOff>102228</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116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8878</xdr:rowOff>
    </xdr:from>
    <xdr:to>
      <xdr:col>111</xdr:col>
      <xdr:colOff>177800</xdr:colOff>
      <xdr:row>59</xdr:row>
      <xdr:rowOff>98878</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0434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7551</xdr:rowOff>
    </xdr:from>
    <xdr:to>
      <xdr:col>112</xdr:col>
      <xdr:colOff>38100</xdr:colOff>
      <xdr:row>59</xdr:row>
      <xdr:rowOff>109151</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123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5678</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9898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87416</xdr:rowOff>
    </xdr:from>
    <xdr:to>
      <xdr:col>107</xdr:col>
      <xdr:colOff>50800</xdr:colOff>
      <xdr:row>59</xdr:row>
      <xdr:rowOff>98878</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19545300" y="10202966"/>
          <a:ext cx="889000" cy="11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7444</xdr:rowOff>
    </xdr:from>
    <xdr:to>
      <xdr:col>107</xdr:col>
      <xdr:colOff>101600</xdr:colOff>
      <xdr:row>59</xdr:row>
      <xdr:rowOff>77594</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091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4121</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986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87416</xdr:rowOff>
    </xdr:from>
    <xdr:to>
      <xdr:col>102</xdr:col>
      <xdr:colOff>114300</xdr:colOff>
      <xdr:row>59</xdr:row>
      <xdr:rowOff>98878</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18656300" y="10202966"/>
          <a:ext cx="889000" cy="11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12232</xdr:rowOff>
    </xdr:from>
    <xdr:to>
      <xdr:col>102</xdr:col>
      <xdr:colOff>165100</xdr:colOff>
      <xdr:row>59</xdr:row>
      <xdr:rowOff>113832</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127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30359</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990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23118</xdr:rowOff>
    </xdr:from>
    <xdr:to>
      <xdr:col>98</xdr:col>
      <xdr:colOff>38100</xdr:colOff>
      <xdr:row>59</xdr:row>
      <xdr:rowOff>124718</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13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41245</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9913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8078</xdr:rowOff>
    </xdr:from>
    <xdr:to>
      <xdr:col>116</xdr:col>
      <xdr:colOff>114300</xdr:colOff>
      <xdr:row>59</xdr:row>
      <xdr:rowOff>149678</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0504</xdr:rowOff>
    </xdr:from>
    <xdr:ext cx="249299"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10094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8078</xdr:rowOff>
    </xdr:from>
    <xdr:to>
      <xdr:col>112</xdr:col>
      <xdr:colOff>38100</xdr:colOff>
      <xdr:row>59</xdr:row>
      <xdr:rowOff>149678</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140805</xdr:rowOff>
    </xdr:from>
    <xdr:ext cx="249299"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198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8078</xdr:rowOff>
    </xdr:from>
    <xdr:to>
      <xdr:col>107</xdr:col>
      <xdr:colOff>101600</xdr:colOff>
      <xdr:row>59</xdr:row>
      <xdr:rowOff>149678</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140805</xdr:rowOff>
    </xdr:from>
    <xdr:ext cx="249299"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309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36616</xdr:rowOff>
    </xdr:from>
    <xdr:to>
      <xdr:col>102</xdr:col>
      <xdr:colOff>165100</xdr:colOff>
      <xdr:row>59</xdr:row>
      <xdr:rowOff>138216</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152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129343</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10428" y="10244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8078</xdr:rowOff>
    </xdr:from>
    <xdr:to>
      <xdr:col>98</xdr:col>
      <xdr:colOff>38100</xdr:colOff>
      <xdr:row>59</xdr:row>
      <xdr:rowOff>149678</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140805</xdr:rowOff>
    </xdr:from>
    <xdr:ext cx="249299"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531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692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692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260</xdr:rowOff>
    </xdr:from>
    <xdr:to>
      <xdr:col>116</xdr:col>
      <xdr:colOff>62864</xdr:colOff>
      <xdr:row>78</xdr:row>
      <xdr:rowOff>159944</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012760"/>
          <a:ext cx="1269" cy="1520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771</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9944</xdr:rowOff>
    </xdr:from>
    <xdr:to>
      <xdr:col>116</xdr:col>
      <xdr:colOff>152400</xdr:colOff>
      <xdr:row>78</xdr:row>
      <xdr:rowOff>159944</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533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9387</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787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260</xdr:rowOff>
    </xdr:from>
    <xdr:to>
      <xdr:col>116</xdr:col>
      <xdr:colOff>152400</xdr:colOff>
      <xdr:row>70</xdr:row>
      <xdr:rowOff>1126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012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63730</xdr:rowOff>
    </xdr:from>
    <xdr:to>
      <xdr:col>116</xdr:col>
      <xdr:colOff>63500</xdr:colOff>
      <xdr:row>76</xdr:row>
      <xdr:rowOff>417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1323300" y="13022480"/>
          <a:ext cx="838200" cy="11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87532</xdr:rowOff>
    </xdr:from>
    <xdr:ext cx="599010"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3117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9105</xdr:rowOff>
    </xdr:from>
    <xdr:to>
      <xdr:col>116</xdr:col>
      <xdr:colOff>114300</xdr:colOff>
      <xdr:row>77</xdr:row>
      <xdr:rowOff>39255</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3139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4170</xdr:rowOff>
    </xdr:from>
    <xdr:to>
      <xdr:col>111</xdr:col>
      <xdr:colOff>177800</xdr:colOff>
      <xdr:row>76</xdr:row>
      <xdr:rowOff>20687</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3034370"/>
          <a:ext cx="889000" cy="1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32471</xdr:rowOff>
    </xdr:from>
    <xdr:to>
      <xdr:col>112</xdr:col>
      <xdr:colOff>38100</xdr:colOff>
      <xdr:row>77</xdr:row>
      <xdr:rowOff>62621</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3162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7</xdr:row>
      <xdr:rowOff>53748</xdr:rowOff>
    </xdr:from>
    <xdr:ext cx="599010"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23795" y="13255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20687</xdr:rowOff>
    </xdr:from>
    <xdr:to>
      <xdr:col>107</xdr:col>
      <xdr:colOff>50800</xdr:colOff>
      <xdr:row>76</xdr:row>
      <xdr:rowOff>44861</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3050887"/>
          <a:ext cx="889000" cy="24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57882</xdr:rowOff>
    </xdr:from>
    <xdr:to>
      <xdr:col>107</xdr:col>
      <xdr:colOff>101600</xdr:colOff>
      <xdr:row>77</xdr:row>
      <xdr:rowOff>88032</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318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7</xdr:row>
      <xdr:rowOff>79159</xdr:rowOff>
    </xdr:from>
    <xdr:ext cx="59901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34795" y="132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44861</xdr:rowOff>
    </xdr:from>
    <xdr:to>
      <xdr:col>102</xdr:col>
      <xdr:colOff>114300</xdr:colOff>
      <xdr:row>76</xdr:row>
      <xdr:rowOff>5844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18656300" y="13075061"/>
          <a:ext cx="889000" cy="13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7</xdr:row>
      <xdr:rowOff>140348</xdr:rowOff>
    </xdr:from>
    <xdr:to>
      <xdr:col>102</xdr:col>
      <xdr:colOff>165100</xdr:colOff>
      <xdr:row>78</xdr:row>
      <xdr:rowOff>70498</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3341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61625</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78111" y="13434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48757</xdr:rowOff>
    </xdr:from>
    <xdr:to>
      <xdr:col>98</xdr:col>
      <xdr:colOff>38100</xdr:colOff>
      <xdr:row>78</xdr:row>
      <xdr:rowOff>7890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3350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70034</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89111" y="13443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12929</xdr:rowOff>
    </xdr:from>
    <xdr:to>
      <xdr:col>116</xdr:col>
      <xdr:colOff>114300</xdr:colOff>
      <xdr:row>76</xdr:row>
      <xdr:rowOff>43080</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297167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35806</xdr:rowOff>
    </xdr:from>
    <xdr:ext cx="599010"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28231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24820</xdr:rowOff>
    </xdr:from>
    <xdr:to>
      <xdr:col>112</xdr:col>
      <xdr:colOff>38100</xdr:colOff>
      <xdr:row>76</xdr:row>
      <xdr:rowOff>54970</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2983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4</xdr:row>
      <xdr:rowOff>71497</xdr:rowOff>
    </xdr:from>
    <xdr:ext cx="59901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23795" y="12758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41338</xdr:rowOff>
    </xdr:from>
    <xdr:to>
      <xdr:col>107</xdr:col>
      <xdr:colOff>101600</xdr:colOff>
      <xdr:row>76</xdr:row>
      <xdr:rowOff>71487</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000088"/>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4</xdr:row>
      <xdr:rowOff>88015</xdr:rowOff>
    </xdr:from>
    <xdr:ext cx="59901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34795" y="127753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65511</xdr:rowOff>
    </xdr:from>
    <xdr:to>
      <xdr:col>102</xdr:col>
      <xdr:colOff>165100</xdr:colOff>
      <xdr:row>76</xdr:row>
      <xdr:rowOff>95661</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3024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4</xdr:row>
      <xdr:rowOff>112187</xdr:rowOff>
    </xdr:from>
    <xdr:ext cx="59901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45795" y="12799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7640</xdr:rowOff>
    </xdr:from>
    <xdr:to>
      <xdr:col>98</xdr:col>
      <xdr:colOff>38100</xdr:colOff>
      <xdr:row>76</xdr:row>
      <xdr:rowOff>109240</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303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4</xdr:row>
      <xdr:rowOff>125766</xdr:rowOff>
    </xdr:from>
    <xdr:ext cx="59901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56795" y="128130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a:t>
          </a:r>
          <a:r>
            <a:rPr kumimoji="1" lang="en-US" altLang="ja-JP" sz="1300">
              <a:latin typeface="ＭＳ Ｐゴシック" panose="020B0600070205080204" pitchFamily="50" charset="-128"/>
              <a:ea typeface="ＭＳ Ｐゴシック" panose="020B0600070205080204" pitchFamily="50" charset="-128"/>
            </a:rPr>
            <a:t>94</a:t>
          </a:r>
          <a:r>
            <a:rPr kumimoji="1" lang="ja-JP" altLang="en-US" sz="1300">
              <a:latin typeface="ＭＳ Ｐゴシック" panose="020B0600070205080204" pitchFamily="50" charset="-128"/>
              <a:ea typeface="ＭＳ Ｐゴシック" panose="020B0600070205080204" pitchFamily="50" charset="-128"/>
            </a:rPr>
            <a:t>団体と比較して一人当たりコストが高い主な項目は、災害復旧事業費が</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位、投資及び出資金が</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位、扶助費が</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位、繰出金が</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位となっている。災害復旧事業費は、令和元年</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月に発生した台風第</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号災害に伴う山葵田や林道の災害復旧費が高額となったことによる。投資及び出資金は、町立病院の整備のために出資金として支出を行ったもの。扶助費は、少子化対策により子育て世帯が増加し、保育所措置費が高く、上昇傾向にあることによる。繰出金については、平成</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年度から</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ヶ年計画により整備を実施した下水道整備事業の起債の本格的な償還が始まり、その償還の財源として一般会計からの繰出金に頼らざるを得ないこと、高齢化の進行（高齢化率</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超）に伴い、後期高齢者医療保険、介護保険の給付費が多額となっていることなどから類似団体と比較して高い水準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奥多摩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746
4,685
225.53
7,652,031
7,356,246
242,755
2,828,157
1,651,25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7" name="テキスト ボックス 56">
          <a:extLst>
            <a:ext uri="{FF2B5EF4-FFF2-40B4-BE49-F238E27FC236}">
              <a16:creationId xmlns:a16="http://schemas.microsoft.com/office/drawing/2014/main" id="{00000000-0008-0000-0700-000039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議会費グラフ枠">
          <a:extLst>
            <a:ext uri="{FF2B5EF4-FFF2-40B4-BE49-F238E27FC236}">
              <a16:creationId xmlns:a16="http://schemas.microsoft.com/office/drawing/2014/main" id="{00000000-0008-0000-0700-00003A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1389</xdr:rowOff>
    </xdr:from>
    <xdr:to>
      <xdr:col>24</xdr:col>
      <xdr:colOff>62865</xdr:colOff>
      <xdr:row>39</xdr:row>
      <xdr:rowOff>12227</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4633595" y="5304889"/>
          <a:ext cx="1270" cy="139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054</xdr:rowOff>
    </xdr:from>
    <xdr:ext cx="469744" cy="259045"/>
    <xdr:sp macro="" textlink="">
      <xdr:nvSpPr>
        <xdr:cNvPr id="60" name="議会費最小値テキスト">
          <a:extLst>
            <a:ext uri="{FF2B5EF4-FFF2-40B4-BE49-F238E27FC236}">
              <a16:creationId xmlns:a16="http://schemas.microsoft.com/office/drawing/2014/main" id="{00000000-0008-0000-0700-00003C000000}"/>
            </a:ext>
          </a:extLst>
        </xdr:cNvPr>
        <xdr:cNvSpPr txBox="1"/>
      </xdr:nvSpPr>
      <xdr:spPr>
        <a:xfrm>
          <a:off x="4686300" y="670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227</xdr:rowOff>
    </xdr:from>
    <xdr:to>
      <xdr:col>24</xdr:col>
      <xdr:colOff>152400</xdr:colOff>
      <xdr:row>39</xdr:row>
      <xdr:rowOff>12227</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669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8066</xdr:rowOff>
    </xdr:from>
    <xdr:ext cx="599010" cy="259045"/>
    <xdr:sp macro="" textlink="">
      <xdr:nvSpPr>
        <xdr:cNvPr id="62" name="議会費最大値テキスト">
          <a:extLst>
            <a:ext uri="{FF2B5EF4-FFF2-40B4-BE49-F238E27FC236}">
              <a16:creationId xmlns:a16="http://schemas.microsoft.com/office/drawing/2014/main" id="{00000000-0008-0000-0700-00003E000000}"/>
            </a:ext>
          </a:extLst>
        </xdr:cNvPr>
        <xdr:cNvSpPr txBox="1"/>
      </xdr:nvSpPr>
      <xdr:spPr>
        <a:xfrm>
          <a:off x="4686300" y="5080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4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61389</xdr:rowOff>
    </xdr:from>
    <xdr:to>
      <xdr:col>24</xdr:col>
      <xdr:colOff>152400</xdr:colOff>
      <xdr:row>30</xdr:row>
      <xdr:rowOff>161389</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4546600" y="5304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40016</xdr:rowOff>
    </xdr:from>
    <xdr:to>
      <xdr:col>24</xdr:col>
      <xdr:colOff>63500</xdr:colOff>
      <xdr:row>38</xdr:row>
      <xdr:rowOff>47174</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3797300" y="6555116"/>
          <a:ext cx="838200" cy="7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58697</xdr:rowOff>
    </xdr:from>
    <xdr:ext cx="534377" cy="259045"/>
    <xdr:sp macro="" textlink="">
      <xdr:nvSpPr>
        <xdr:cNvPr id="65" name="議会費平均値テキスト">
          <a:extLst>
            <a:ext uri="{FF2B5EF4-FFF2-40B4-BE49-F238E27FC236}">
              <a16:creationId xmlns:a16="http://schemas.microsoft.com/office/drawing/2014/main" id="{00000000-0008-0000-0700-000041000000}"/>
            </a:ext>
          </a:extLst>
        </xdr:cNvPr>
        <xdr:cNvSpPr txBox="1"/>
      </xdr:nvSpPr>
      <xdr:spPr>
        <a:xfrm>
          <a:off x="4686300" y="6330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5820</xdr:rowOff>
    </xdr:from>
    <xdr:to>
      <xdr:col>24</xdr:col>
      <xdr:colOff>114300</xdr:colOff>
      <xdr:row>38</xdr:row>
      <xdr:rowOff>65970</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4584700" y="6479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47174</xdr:rowOff>
    </xdr:from>
    <xdr:to>
      <xdr:col>19</xdr:col>
      <xdr:colOff>177800</xdr:colOff>
      <xdr:row>38</xdr:row>
      <xdr:rowOff>48346</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908300" y="6562274"/>
          <a:ext cx="889000" cy="1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7380</xdr:rowOff>
    </xdr:from>
    <xdr:to>
      <xdr:col>20</xdr:col>
      <xdr:colOff>38100</xdr:colOff>
      <xdr:row>38</xdr:row>
      <xdr:rowOff>8753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3746500" y="650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04057</xdr:rowOff>
    </xdr:from>
    <xdr:ext cx="534377"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3530111" y="6276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42973</xdr:rowOff>
    </xdr:from>
    <xdr:to>
      <xdr:col>15</xdr:col>
      <xdr:colOff>50800</xdr:colOff>
      <xdr:row>38</xdr:row>
      <xdr:rowOff>48346</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2019300" y="6558073"/>
          <a:ext cx="889000" cy="5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7109</xdr:rowOff>
    </xdr:from>
    <xdr:to>
      <xdr:col>15</xdr:col>
      <xdr:colOff>101600</xdr:colOff>
      <xdr:row>38</xdr:row>
      <xdr:rowOff>8725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2857500" y="650075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3786</xdr:rowOff>
    </xdr:from>
    <xdr:ext cx="534377"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2641111" y="6275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42973</xdr:rowOff>
    </xdr:from>
    <xdr:to>
      <xdr:col>10</xdr:col>
      <xdr:colOff>114300</xdr:colOff>
      <xdr:row>38</xdr:row>
      <xdr:rowOff>58104</xdr:rowOff>
    </xdr:to>
    <xdr:cxnSp macro="">
      <xdr:nvCxnSpPr>
        <xdr:cNvPr id="73" name="直線コネクタ 72">
          <a:extLst>
            <a:ext uri="{FF2B5EF4-FFF2-40B4-BE49-F238E27FC236}">
              <a16:creationId xmlns:a16="http://schemas.microsoft.com/office/drawing/2014/main" id="{00000000-0008-0000-0700-000049000000}"/>
            </a:ext>
          </a:extLst>
        </xdr:cNvPr>
        <xdr:cNvCxnSpPr/>
      </xdr:nvCxnSpPr>
      <xdr:spPr>
        <a:xfrm flipV="1">
          <a:off x="1130300" y="6558073"/>
          <a:ext cx="889000" cy="15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22733</xdr:rowOff>
    </xdr:from>
    <xdr:to>
      <xdr:col>10</xdr:col>
      <xdr:colOff>165100</xdr:colOff>
      <xdr:row>39</xdr:row>
      <xdr:rowOff>52883</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968500" y="663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9</xdr:row>
      <xdr:rowOff>44010</xdr:rowOff>
    </xdr:from>
    <xdr:ext cx="469744"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1784428" y="6730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22547</xdr:rowOff>
    </xdr:from>
    <xdr:to>
      <xdr:col>6</xdr:col>
      <xdr:colOff>38100</xdr:colOff>
      <xdr:row>39</xdr:row>
      <xdr:rowOff>52697</xdr:rowOff>
    </xdr:to>
    <xdr:sp macro="" textlink="">
      <xdr:nvSpPr>
        <xdr:cNvPr id="76" name="フローチャート: 判断 75">
          <a:extLst>
            <a:ext uri="{FF2B5EF4-FFF2-40B4-BE49-F238E27FC236}">
              <a16:creationId xmlns:a16="http://schemas.microsoft.com/office/drawing/2014/main" id="{00000000-0008-0000-0700-00004C000000}"/>
            </a:ext>
          </a:extLst>
        </xdr:cNvPr>
        <xdr:cNvSpPr/>
      </xdr:nvSpPr>
      <xdr:spPr>
        <a:xfrm>
          <a:off x="1079500" y="6637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9</xdr:row>
      <xdr:rowOff>43824</xdr:rowOff>
    </xdr:from>
    <xdr:ext cx="469744"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895428" y="6730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700-000052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0666</xdr:rowOff>
    </xdr:from>
    <xdr:to>
      <xdr:col>24</xdr:col>
      <xdr:colOff>114300</xdr:colOff>
      <xdr:row>38</xdr:row>
      <xdr:rowOff>90816</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4584700" y="6504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39093</xdr:rowOff>
    </xdr:from>
    <xdr:ext cx="534377" cy="259045"/>
    <xdr:sp macro="" textlink="">
      <xdr:nvSpPr>
        <xdr:cNvPr id="84" name="議会費該当値テキスト">
          <a:extLst>
            <a:ext uri="{FF2B5EF4-FFF2-40B4-BE49-F238E27FC236}">
              <a16:creationId xmlns:a16="http://schemas.microsoft.com/office/drawing/2014/main" id="{00000000-0008-0000-0700-000054000000}"/>
            </a:ext>
          </a:extLst>
        </xdr:cNvPr>
        <xdr:cNvSpPr txBox="1"/>
      </xdr:nvSpPr>
      <xdr:spPr>
        <a:xfrm>
          <a:off x="4686300" y="6482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67824</xdr:rowOff>
    </xdr:from>
    <xdr:to>
      <xdr:col>20</xdr:col>
      <xdr:colOff>38100</xdr:colOff>
      <xdr:row>38</xdr:row>
      <xdr:rowOff>97974</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3746500" y="651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89101</xdr:rowOff>
    </xdr:from>
    <xdr:ext cx="534377"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3530111" y="6604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68996</xdr:rowOff>
    </xdr:from>
    <xdr:to>
      <xdr:col>15</xdr:col>
      <xdr:colOff>101600</xdr:colOff>
      <xdr:row>38</xdr:row>
      <xdr:rowOff>99146</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2857500" y="6512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90273</xdr:rowOff>
    </xdr:from>
    <xdr:ext cx="534377"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2641111" y="6605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63623</xdr:rowOff>
    </xdr:from>
    <xdr:to>
      <xdr:col>10</xdr:col>
      <xdr:colOff>165100</xdr:colOff>
      <xdr:row>38</xdr:row>
      <xdr:rowOff>93773</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968500" y="6507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10301</xdr:rowOff>
    </xdr:from>
    <xdr:ext cx="534377"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1752111" y="6282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7304</xdr:rowOff>
    </xdr:from>
    <xdr:to>
      <xdr:col>6</xdr:col>
      <xdr:colOff>38100</xdr:colOff>
      <xdr:row>38</xdr:row>
      <xdr:rowOff>108904</xdr:rowOff>
    </xdr:to>
    <xdr:sp macro="" textlink="">
      <xdr:nvSpPr>
        <xdr:cNvPr id="91" name="楕円 90">
          <a:extLst>
            <a:ext uri="{FF2B5EF4-FFF2-40B4-BE49-F238E27FC236}">
              <a16:creationId xmlns:a16="http://schemas.microsoft.com/office/drawing/2014/main" id="{00000000-0008-0000-0700-00005B000000}"/>
            </a:ext>
          </a:extLst>
        </xdr:cNvPr>
        <xdr:cNvSpPr/>
      </xdr:nvSpPr>
      <xdr:spPr>
        <a:xfrm>
          <a:off x="1079500" y="6522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25431</xdr:rowOff>
    </xdr:from>
    <xdr:ext cx="534377" cy="259045"/>
    <xdr:sp macro="" textlink="">
      <xdr:nvSpPr>
        <xdr:cNvPr id="92" name="テキスト ボックス 91">
          <a:extLst>
            <a:ext uri="{FF2B5EF4-FFF2-40B4-BE49-F238E27FC236}">
              <a16:creationId xmlns:a16="http://schemas.microsoft.com/office/drawing/2014/main" id="{00000000-0008-0000-0700-00005C000000}"/>
            </a:ext>
          </a:extLst>
        </xdr:cNvPr>
        <xdr:cNvSpPr txBox="1"/>
      </xdr:nvSpPr>
      <xdr:spPr>
        <a:xfrm>
          <a:off x="863111" y="6297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a:extLst>
            <a:ext uri="{FF2B5EF4-FFF2-40B4-BE49-F238E27FC236}">
              <a16:creationId xmlns:a16="http://schemas.microsoft.com/office/drawing/2014/main" id="{00000000-0008-0000-0700-000064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4874</xdr:rowOff>
    </xdr:from>
    <xdr:to>
      <xdr:col>24</xdr:col>
      <xdr:colOff>62865</xdr:colOff>
      <xdr:row>59</xdr:row>
      <xdr:rowOff>184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8758824"/>
          <a:ext cx="1270" cy="135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676</xdr:rowOff>
    </xdr:from>
    <xdr:ext cx="599010"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21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849</xdr:rowOff>
    </xdr:from>
    <xdr:to>
      <xdr:col>24</xdr:col>
      <xdr:colOff>152400</xdr:colOff>
      <xdr:row>59</xdr:row>
      <xdr:rowOff>184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17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001</xdr:rowOff>
    </xdr:from>
    <xdr:ext cx="690189"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85340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7,6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4874</xdr:rowOff>
    </xdr:from>
    <xdr:to>
      <xdr:col>24</xdr:col>
      <xdr:colOff>152400</xdr:colOff>
      <xdr:row>51</xdr:row>
      <xdr:rowOff>1487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8758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90302</xdr:rowOff>
    </xdr:from>
    <xdr:to>
      <xdr:col>24</xdr:col>
      <xdr:colOff>63500</xdr:colOff>
      <xdr:row>58</xdr:row>
      <xdr:rowOff>109017</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3797300" y="10034402"/>
          <a:ext cx="838200" cy="18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2708</xdr:rowOff>
    </xdr:from>
    <xdr:ext cx="599010"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7853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281</xdr:rowOff>
    </xdr:from>
    <xdr:to>
      <xdr:col>24</xdr:col>
      <xdr:colOff>114300</xdr:colOff>
      <xdr:row>58</xdr:row>
      <xdr:rowOff>91431</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33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81952</xdr:rowOff>
    </xdr:from>
    <xdr:to>
      <xdr:col>19</xdr:col>
      <xdr:colOff>177800</xdr:colOff>
      <xdr:row>58</xdr:row>
      <xdr:rowOff>109017</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908300" y="10026052"/>
          <a:ext cx="889000" cy="27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4181</xdr:rowOff>
    </xdr:from>
    <xdr:to>
      <xdr:col>20</xdr:col>
      <xdr:colOff>38100</xdr:colOff>
      <xdr:row>58</xdr:row>
      <xdr:rowOff>64331</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06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80858</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9682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81952</xdr:rowOff>
    </xdr:from>
    <xdr:to>
      <xdr:col>15</xdr:col>
      <xdr:colOff>50800</xdr:colOff>
      <xdr:row>58</xdr:row>
      <xdr:rowOff>142399</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10026052"/>
          <a:ext cx="889000" cy="60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763</xdr:rowOff>
    </xdr:from>
    <xdr:to>
      <xdr:col>15</xdr:col>
      <xdr:colOff>101600</xdr:colOff>
      <xdr:row>58</xdr:row>
      <xdr:rowOff>90913</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9933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07440</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9708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0113</xdr:rowOff>
    </xdr:from>
    <xdr:to>
      <xdr:col>10</xdr:col>
      <xdr:colOff>114300</xdr:colOff>
      <xdr:row>58</xdr:row>
      <xdr:rowOff>142399</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a:off x="1130300" y="10084213"/>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01288</xdr:rowOff>
    </xdr:from>
    <xdr:to>
      <xdr:col>10</xdr:col>
      <xdr:colOff>165100</xdr:colOff>
      <xdr:row>59</xdr:row>
      <xdr:rowOff>31438</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1004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9</xdr:row>
      <xdr:rowOff>22565</xdr:rowOff>
    </xdr:from>
    <xdr:ext cx="59901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19795" y="101381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2469</xdr:rowOff>
    </xdr:from>
    <xdr:to>
      <xdr:col>6</xdr:col>
      <xdr:colOff>38100</xdr:colOff>
      <xdr:row>59</xdr:row>
      <xdr:rowOff>32619</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10046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9</xdr:row>
      <xdr:rowOff>23746</xdr:rowOff>
    </xdr:from>
    <xdr:ext cx="59901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30795" y="101392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39502</xdr:rowOff>
    </xdr:from>
    <xdr:to>
      <xdr:col>24</xdr:col>
      <xdr:colOff>114300</xdr:colOff>
      <xdr:row>58</xdr:row>
      <xdr:rowOff>141102</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9983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9708</xdr:rowOff>
    </xdr:from>
    <xdr:ext cx="599010"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912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9,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8217</xdr:rowOff>
    </xdr:from>
    <xdr:to>
      <xdr:col>20</xdr:col>
      <xdr:colOff>38100</xdr:colOff>
      <xdr:row>58</xdr:row>
      <xdr:rowOff>159817</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10002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150944</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97795" y="100950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1152</xdr:rowOff>
    </xdr:from>
    <xdr:to>
      <xdr:col>15</xdr:col>
      <xdr:colOff>101600</xdr:colOff>
      <xdr:row>58</xdr:row>
      <xdr:rowOff>132752</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9975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23879</xdr:rowOff>
    </xdr:from>
    <xdr:ext cx="599010"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08795" y="100679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1599</xdr:rowOff>
    </xdr:from>
    <xdr:to>
      <xdr:col>10</xdr:col>
      <xdr:colOff>165100</xdr:colOff>
      <xdr:row>59</xdr:row>
      <xdr:rowOff>21749</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10035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7</xdr:row>
      <xdr:rowOff>38276</xdr:rowOff>
    </xdr:from>
    <xdr:ext cx="599010"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19795" y="9810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9313</xdr:rowOff>
    </xdr:from>
    <xdr:to>
      <xdr:col>6</xdr:col>
      <xdr:colOff>38100</xdr:colOff>
      <xdr:row>59</xdr:row>
      <xdr:rowOff>19463</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10033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35990</xdr:rowOff>
    </xdr:from>
    <xdr:ext cx="599010"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30795" y="9808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7483</xdr:rowOff>
    </xdr:from>
    <xdr:to>
      <xdr:col>24</xdr:col>
      <xdr:colOff>62865</xdr:colOff>
      <xdr:row>79</xdr:row>
      <xdr:rowOff>62161</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330433"/>
          <a:ext cx="1270" cy="127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5988</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610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2161</xdr:rowOff>
    </xdr:from>
    <xdr:to>
      <xdr:col>24</xdr:col>
      <xdr:colOff>152400</xdr:colOff>
      <xdr:row>79</xdr:row>
      <xdr:rowOff>62161</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606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4160</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210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7,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7483</xdr:rowOff>
    </xdr:from>
    <xdr:to>
      <xdr:col>24</xdr:col>
      <xdr:colOff>152400</xdr:colOff>
      <xdr:row>71</xdr:row>
      <xdr:rowOff>157483</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330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0252</xdr:rowOff>
    </xdr:from>
    <xdr:to>
      <xdr:col>24</xdr:col>
      <xdr:colOff>63500</xdr:colOff>
      <xdr:row>78</xdr:row>
      <xdr:rowOff>42227</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3797300" y="13403352"/>
          <a:ext cx="838200" cy="11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50260</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318046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383</xdr:rowOff>
    </xdr:from>
    <xdr:to>
      <xdr:col>24</xdr:col>
      <xdr:colOff>114300</xdr:colOff>
      <xdr:row>78</xdr:row>
      <xdr:rowOff>57533</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332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0252</xdr:rowOff>
    </xdr:from>
    <xdr:to>
      <xdr:col>19</xdr:col>
      <xdr:colOff>177800</xdr:colOff>
      <xdr:row>78</xdr:row>
      <xdr:rowOff>49253</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403352"/>
          <a:ext cx="889000" cy="19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29282</xdr:rowOff>
    </xdr:from>
    <xdr:to>
      <xdr:col>20</xdr:col>
      <xdr:colOff>38100</xdr:colOff>
      <xdr:row>78</xdr:row>
      <xdr:rowOff>59432</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330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75959</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3106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34689</xdr:rowOff>
    </xdr:from>
    <xdr:to>
      <xdr:col>15</xdr:col>
      <xdr:colOff>50800</xdr:colOff>
      <xdr:row>78</xdr:row>
      <xdr:rowOff>49253</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a:off x="2019300" y="13336339"/>
          <a:ext cx="889000" cy="86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1957</xdr:rowOff>
    </xdr:from>
    <xdr:to>
      <xdr:col>15</xdr:col>
      <xdr:colOff>101600</xdr:colOff>
      <xdr:row>78</xdr:row>
      <xdr:rowOff>8210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353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9863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31288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4689</xdr:rowOff>
    </xdr:from>
    <xdr:to>
      <xdr:col>10</xdr:col>
      <xdr:colOff>114300</xdr:colOff>
      <xdr:row>78</xdr:row>
      <xdr:rowOff>92677</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3336339"/>
          <a:ext cx="889000" cy="129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56733</xdr:rowOff>
    </xdr:from>
    <xdr:to>
      <xdr:col>10</xdr:col>
      <xdr:colOff>165100</xdr:colOff>
      <xdr:row>79</xdr:row>
      <xdr:rowOff>86883</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529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78010</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36225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66199</xdr:rowOff>
    </xdr:from>
    <xdr:to>
      <xdr:col>6</xdr:col>
      <xdr:colOff>38100</xdr:colOff>
      <xdr:row>79</xdr:row>
      <xdr:rowOff>96349</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539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87476</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363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2877</xdr:rowOff>
    </xdr:from>
    <xdr:to>
      <xdr:col>24</xdr:col>
      <xdr:colOff>114300</xdr:colOff>
      <xdr:row>78</xdr:row>
      <xdr:rowOff>93027</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364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1304</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3429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0902</xdr:rowOff>
    </xdr:from>
    <xdr:to>
      <xdr:col>20</xdr:col>
      <xdr:colOff>38100</xdr:colOff>
      <xdr:row>78</xdr:row>
      <xdr:rowOff>81052</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352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72179</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4452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9903</xdr:rowOff>
    </xdr:from>
    <xdr:to>
      <xdr:col>15</xdr:col>
      <xdr:colOff>101600</xdr:colOff>
      <xdr:row>78</xdr:row>
      <xdr:rowOff>100053</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371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91180</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4642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3889</xdr:rowOff>
    </xdr:from>
    <xdr:to>
      <xdr:col>10</xdr:col>
      <xdr:colOff>165100</xdr:colOff>
      <xdr:row>78</xdr:row>
      <xdr:rowOff>14039</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285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30566</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0607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1877</xdr:rowOff>
    </xdr:from>
    <xdr:to>
      <xdr:col>6</xdr:col>
      <xdr:colOff>38100</xdr:colOff>
      <xdr:row>78</xdr:row>
      <xdr:rowOff>143477</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414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60004</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1902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300</xdr:rowOff>
    </xdr:from>
    <xdr:to>
      <xdr:col>24</xdr:col>
      <xdr:colOff>62865</xdr:colOff>
      <xdr:row>98</xdr:row>
      <xdr:rowOff>14533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491800"/>
          <a:ext cx="1270" cy="1455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9161</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69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5334</xdr:rowOff>
    </xdr:from>
    <xdr:to>
      <xdr:col>24</xdr:col>
      <xdr:colOff>152400</xdr:colOff>
      <xdr:row>98</xdr:row>
      <xdr:rowOff>145334</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6947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77</xdr:rowOff>
    </xdr:from>
    <xdr:ext cx="599010"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267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1,15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61300</xdr:rowOff>
    </xdr:from>
    <xdr:to>
      <xdr:col>24</xdr:col>
      <xdr:colOff>152400</xdr:colOff>
      <xdr:row>90</xdr:row>
      <xdr:rowOff>6130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49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14672</xdr:rowOff>
    </xdr:from>
    <xdr:to>
      <xdr:col>24</xdr:col>
      <xdr:colOff>63500</xdr:colOff>
      <xdr:row>97</xdr:row>
      <xdr:rowOff>159319</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flipV="1">
          <a:off x="3797300" y="16745322"/>
          <a:ext cx="838200" cy="44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74029</xdr:rowOff>
    </xdr:from>
    <xdr:ext cx="599010"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5332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152</xdr:rowOff>
    </xdr:from>
    <xdr:to>
      <xdr:col>24</xdr:col>
      <xdr:colOff>114300</xdr:colOff>
      <xdr:row>97</xdr:row>
      <xdr:rowOff>152752</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68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59319</xdr:rowOff>
    </xdr:from>
    <xdr:to>
      <xdr:col>19</xdr:col>
      <xdr:colOff>177800</xdr:colOff>
      <xdr:row>98</xdr:row>
      <xdr:rowOff>7865</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908300" y="16789969"/>
          <a:ext cx="889000" cy="19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59830</xdr:rowOff>
    </xdr:from>
    <xdr:to>
      <xdr:col>20</xdr:col>
      <xdr:colOff>38100</xdr:colOff>
      <xdr:row>97</xdr:row>
      <xdr:rowOff>161430</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6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507</xdr:rowOff>
    </xdr:from>
    <xdr:ext cx="599010"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497795" y="16465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7865</xdr:rowOff>
    </xdr:from>
    <xdr:to>
      <xdr:col>15</xdr:col>
      <xdr:colOff>50800</xdr:colOff>
      <xdr:row>98</xdr:row>
      <xdr:rowOff>25789</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2019300" y="16809965"/>
          <a:ext cx="889000" cy="17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79149</xdr:rowOff>
    </xdr:from>
    <xdr:to>
      <xdr:col>15</xdr:col>
      <xdr:colOff>101600</xdr:colOff>
      <xdr:row>98</xdr:row>
      <xdr:rowOff>9299</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709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25826</xdr:rowOff>
    </xdr:from>
    <xdr:ext cx="59901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08795" y="16485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5789</xdr:rowOff>
    </xdr:from>
    <xdr:to>
      <xdr:col>10</xdr:col>
      <xdr:colOff>114300</xdr:colOff>
      <xdr:row>98</xdr:row>
      <xdr:rowOff>42038</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1130300" y="16827889"/>
          <a:ext cx="889000" cy="16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7581</xdr:rowOff>
    </xdr:from>
    <xdr:to>
      <xdr:col>10</xdr:col>
      <xdr:colOff>165100</xdr:colOff>
      <xdr:row>98</xdr:row>
      <xdr:rowOff>129181</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829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0308</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52111" y="16922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7354</xdr:rowOff>
    </xdr:from>
    <xdr:to>
      <xdr:col>6</xdr:col>
      <xdr:colOff>38100</xdr:colOff>
      <xdr:row>98</xdr:row>
      <xdr:rowOff>11895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681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1008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63111" y="1691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63872</xdr:rowOff>
    </xdr:from>
    <xdr:to>
      <xdr:col>24</xdr:col>
      <xdr:colOff>114300</xdr:colOff>
      <xdr:row>97</xdr:row>
      <xdr:rowOff>165472</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6694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42299</xdr:rowOff>
    </xdr:from>
    <xdr:ext cx="599010"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66729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08519</xdr:rowOff>
    </xdr:from>
    <xdr:to>
      <xdr:col>20</xdr:col>
      <xdr:colOff>38100</xdr:colOff>
      <xdr:row>98</xdr:row>
      <xdr:rowOff>38669</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6739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8</xdr:row>
      <xdr:rowOff>29796</xdr:rowOff>
    </xdr:from>
    <xdr:ext cx="59901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497795" y="16831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8515</xdr:rowOff>
    </xdr:from>
    <xdr:to>
      <xdr:col>15</xdr:col>
      <xdr:colOff>101600</xdr:colOff>
      <xdr:row>98</xdr:row>
      <xdr:rowOff>58665</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6759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49792</xdr:rowOff>
    </xdr:from>
    <xdr:ext cx="59901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08795" y="168518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6439</xdr:rowOff>
    </xdr:from>
    <xdr:to>
      <xdr:col>10</xdr:col>
      <xdr:colOff>165100</xdr:colOff>
      <xdr:row>98</xdr:row>
      <xdr:rowOff>76589</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6777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93116</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52111" y="16552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2688</xdr:rowOff>
    </xdr:from>
    <xdr:to>
      <xdr:col>6</xdr:col>
      <xdr:colOff>38100</xdr:colOff>
      <xdr:row>98</xdr:row>
      <xdr:rowOff>92838</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6793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09365</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63111" y="16568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7356</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270856"/>
          <a:ext cx="1270" cy="1460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3890</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40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4033</xdr:rowOff>
    </xdr:from>
    <xdr:ext cx="534377"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04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7356</xdr:rowOff>
    </xdr:from>
    <xdr:to>
      <xdr:col>55</xdr:col>
      <xdr:colOff>88900</xdr:colOff>
      <xdr:row>30</xdr:row>
      <xdr:rowOff>127356</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270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9189</xdr:rowOff>
    </xdr:from>
    <xdr:to>
      <xdr:col>55</xdr:col>
      <xdr:colOff>0</xdr:colOff>
      <xdr:row>38</xdr:row>
      <xdr:rowOff>33344</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9639300" y="6524289"/>
          <a:ext cx="838200" cy="24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8341</xdr:rowOff>
    </xdr:from>
    <xdr:ext cx="469744"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613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9914</xdr:rowOff>
    </xdr:from>
    <xdr:to>
      <xdr:col>55</xdr:col>
      <xdr:colOff>50800</xdr:colOff>
      <xdr:row>39</xdr:row>
      <xdr:rowOff>5006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635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3153</xdr:rowOff>
    </xdr:from>
    <xdr:to>
      <xdr:col>50</xdr:col>
      <xdr:colOff>114300</xdr:colOff>
      <xdr:row>38</xdr:row>
      <xdr:rowOff>33344</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8750300" y="6548253"/>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17228</xdr:rowOff>
    </xdr:from>
    <xdr:to>
      <xdr:col>50</xdr:col>
      <xdr:colOff>165100</xdr:colOff>
      <xdr:row>39</xdr:row>
      <xdr:rowOff>4737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63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9</xdr:row>
      <xdr:rowOff>38505</xdr:rowOff>
    </xdr:from>
    <xdr:ext cx="469744"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04428" y="6725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8236</xdr:rowOff>
    </xdr:from>
    <xdr:to>
      <xdr:col>45</xdr:col>
      <xdr:colOff>177800</xdr:colOff>
      <xdr:row>38</xdr:row>
      <xdr:rowOff>33153</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7861300" y="6523336"/>
          <a:ext cx="889000" cy="24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4425</xdr:rowOff>
    </xdr:from>
    <xdr:to>
      <xdr:col>46</xdr:col>
      <xdr:colOff>38100</xdr:colOff>
      <xdr:row>39</xdr:row>
      <xdr:rowOff>34575</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61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9</xdr:row>
      <xdr:rowOff>25702</xdr:rowOff>
    </xdr:from>
    <xdr:ext cx="469744"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15428" y="6712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265</xdr:rowOff>
    </xdr:from>
    <xdr:to>
      <xdr:col>41</xdr:col>
      <xdr:colOff>50800</xdr:colOff>
      <xdr:row>38</xdr:row>
      <xdr:rowOff>8236</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a:off x="6972300" y="6522365"/>
          <a:ext cx="889000" cy="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42316</xdr:rowOff>
    </xdr:from>
    <xdr:to>
      <xdr:col>41</xdr:col>
      <xdr:colOff>101600</xdr:colOff>
      <xdr:row>39</xdr:row>
      <xdr:rowOff>72466</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657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9</xdr:row>
      <xdr:rowOff>63593</xdr:rowOff>
    </xdr:from>
    <xdr:ext cx="469744"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26428" y="6750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1763</xdr:rowOff>
    </xdr:from>
    <xdr:to>
      <xdr:col>36</xdr:col>
      <xdr:colOff>165100</xdr:colOff>
      <xdr:row>39</xdr:row>
      <xdr:rowOff>71913</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656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9</xdr:row>
      <xdr:rowOff>63040</xdr:rowOff>
    </xdr:from>
    <xdr:ext cx="469744"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37428" y="674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9839</xdr:rowOff>
    </xdr:from>
    <xdr:to>
      <xdr:col>55</xdr:col>
      <xdr:colOff>50800</xdr:colOff>
      <xdr:row>38</xdr:row>
      <xdr:rowOff>59989</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6473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2716</xdr:rowOff>
    </xdr:from>
    <xdr:ext cx="534377"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6324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3994</xdr:rowOff>
    </xdr:from>
    <xdr:to>
      <xdr:col>50</xdr:col>
      <xdr:colOff>165100</xdr:colOff>
      <xdr:row>38</xdr:row>
      <xdr:rowOff>84144</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497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6</xdr:row>
      <xdr:rowOff>100671</xdr:rowOff>
    </xdr:from>
    <xdr:ext cx="469744"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404428" y="6272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53803</xdr:rowOff>
    </xdr:from>
    <xdr:to>
      <xdr:col>46</xdr:col>
      <xdr:colOff>38100</xdr:colOff>
      <xdr:row>38</xdr:row>
      <xdr:rowOff>83953</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6497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6</xdr:row>
      <xdr:rowOff>100480</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515428" y="6272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28886</xdr:rowOff>
    </xdr:from>
    <xdr:to>
      <xdr:col>41</xdr:col>
      <xdr:colOff>101600</xdr:colOff>
      <xdr:row>38</xdr:row>
      <xdr:rowOff>59036</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472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75563</xdr:rowOff>
    </xdr:from>
    <xdr:ext cx="534377"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594111" y="6247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27914</xdr:rowOff>
    </xdr:from>
    <xdr:to>
      <xdr:col>36</xdr:col>
      <xdr:colOff>165100</xdr:colOff>
      <xdr:row>38</xdr:row>
      <xdr:rowOff>58065</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47156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74591</xdr:rowOff>
    </xdr:from>
    <xdr:ext cx="534377"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705111" y="6246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5459</xdr:rowOff>
    </xdr:from>
    <xdr:to>
      <xdr:col>54</xdr:col>
      <xdr:colOff>189865</xdr:colOff>
      <xdr:row>58</xdr:row>
      <xdr:rowOff>13806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99409"/>
          <a:ext cx="1270" cy="12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892</xdr:rowOff>
    </xdr:from>
    <xdr:ext cx="378565"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10085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065</xdr:rowOff>
    </xdr:from>
    <xdr:to>
      <xdr:col>55</xdr:col>
      <xdr:colOff>88900</xdr:colOff>
      <xdr:row>58</xdr:row>
      <xdr:rowOff>13806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10082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36</xdr:rowOff>
    </xdr:from>
    <xdr:ext cx="599010"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74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5459</xdr:rowOff>
    </xdr:from>
    <xdr:to>
      <xdr:col>55</xdr:col>
      <xdr:colOff>88900</xdr:colOff>
      <xdr:row>51</xdr:row>
      <xdr:rowOff>5545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9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31718</xdr:rowOff>
    </xdr:from>
    <xdr:to>
      <xdr:col>55</xdr:col>
      <xdr:colOff>0</xdr:colOff>
      <xdr:row>56</xdr:row>
      <xdr:rowOff>102838</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9639300" y="9632918"/>
          <a:ext cx="838200" cy="71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3138</xdr:rowOff>
    </xdr:from>
    <xdr:ext cx="599010"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7643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61</xdr:rowOff>
    </xdr:from>
    <xdr:to>
      <xdr:col>55</xdr:col>
      <xdr:colOff>50800</xdr:colOff>
      <xdr:row>57</xdr:row>
      <xdr:rowOff>114861</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85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02838</xdr:rowOff>
    </xdr:from>
    <xdr:to>
      <xdr:col>50</xdr:col>
      <xdr:colOff>114300</xdr:colOff>
      <xdr:row>56</xdr:row>
      <xdr:rowOff>145765</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8750300" y="9704038"/>
          <a:ext cx="889000" cy="42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767</xdr:rowOff>
    </xdr:from>
    <xdr:to>
      <xdr:col>50</xdr:col>
      <xdr:colOff>165100</xdr:colOff>
      <xdr:row>57</xdr:row>
      <xdr:rowOff>110367</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8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101494</xdr:rowOff>
    </xdr:from>
    <xdr:ext cx="599010"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339795" y="9874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69147</xdr:rowOff>
    </xdr:from>
    <xdr:to>
      <xdr:col>45</xdr:col>
      <xdr:colOff>177800</xdr:colOff>
      <xdr:row>56</xdr:row>
      <xdr:rowOff>145765</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7861300" y="9670347"/>
          <a:ext cx="889000" cy="76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6682</xdr:rowOff>
    </xdr:from>
    <xdr:to>
      <xdr:col>46</xdr:col>
      <xdr:colOff>38100</xdr:colOff>
      <xdr:row>57</xdr:row>
      <xdr:rowOff>66832</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3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57959</xdr:rowOff>
    </xdr:from>
    <xdr:ext cx="59901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450795" y="9830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69147</xdr:rowOff>
    </xdr:from>
    <xdr:to>
      <xdr:col>41</xdr:col>
      <xdr:colOff>50800</xdr:colOff>
      <xdr:row>56</xdr:row>
      <xdr:rowOff>76767</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6972300" y="9670347"/>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2688</xdr:rowOff>
    </xdr:from>
    <xdr:to>
      <xdr:col>41</xdr:col>
      <xdr:colOff>101600</xdr:colOff>
      <xdr:row>58</xdr:row>
      <xdr:rowOff>82838</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925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3965</xdr:rowOff>
    </xdr:from>
    <xdr:ext cx="534377"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594111" y="10018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7173</xdr:rowOff>
    </xdr:from>
    <xdr:to>
      <xdr:col>36</xdr:col>
      <xdr:colOff>165100</xdr:colOff>
      <xdr:row>58</xdr:row>
      <xdr:rowOff>87323</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929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78450</xdr:rowOff>
    </xdr:from>
    <xdr:ext cx="534377"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705111" y="10022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52368</xdr:rowOff>
    </xdr:from>
    <xdr:to>
      <xdr:col>55</xdr:col>
      <xdr:colOff>50800</xdr:colOff>
      <xdr:row>56</xdr:row>
      <xdr:rowOff>82518</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582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3795</xdr:rowOff>
    </xdr:from>
    <xdr:ext cx="599010"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433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52038</xdr:rowOff>
    </xdr:from>
    <xdr:to>
      <xdr:col>50</xdr:col>
      <xdr:colOff>165100</xdr:colOff>
      <xdr:row>56</xdr:row>
      <xdr:rowOff>153638</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653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4</xdr:row>
      <xdr:rowOff>170165</xdr:rowOff>
    </xdr:from>
    <xdr:ext cx="59901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339795" y="94284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94965</xdr:rowOff>
    </xdr:from>
    <xdr:to>
      <xdr:col>46</xdr:col>
      <xdr:colOff>38100</xdr:colOff>
      <xdr:row>57</xdr:row>
      <xdr:rowOff>25115</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696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41642</xdr:rowOff>
    </xdr:from>
    <xdr:ext cx="59901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450795" y="9471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8347</xdr:rowOff>
    </xdr:from>
    <xdr:to>
      <xdr:col>41</xdr:col>
      <xdr:colOff>101600</xdr:colOff>
      <xdr:row>56</xdr:row>
      <xdr:rowOff>119947</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619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4</xdr:row>
      <xdr:rowOff>136474</xdr:rowOff>
    </xdr:from>
    <xdr:ext cx="59901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561795" y="93947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5967</xdr:rowOff>
    </xdr:from>
    <xdr:to>
      <xdr:col>36</xdr:col>
      <xdr:colOff>165100</xdr:colOff>
      <xdr:row>56</xdr:row>
      <xdr:rowOff>127567</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627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4</xdr:row>
      <xdr:rowOff>144094</xdr:rowOff>
    </xdr:from>
    <xdr:ext cx="599010"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672795" y="94023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a:extLst>
            <a:ext uri="{FF2B5EF4-FFF2-40B4-BE49-F238E27FC236}">
              <a16:creationId xmlns:a16="http://schemas.microsoft.com/office/drawing/2014/main" id="{00000000-0008-0000-07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643</xdr:rowOff>
    </xdr:from>
    <xdr:to>
      <xdr:col>54</xdr:col>
      <xdr:colOff>189865</xdr:colOff>
      <xdr:row>79</xdr:row>
      <xdr:rowOff>42208</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10475595" y="12286593"/>
          <a:ext cx="1270" cy="1300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035</xdr:rowOff>
    </xdr:from>
    <xdr:ext cx="469744" cy="259045"/>
    <xdr:sp macro="" textlink="">
      <xdr:nvSpPr>
        <xdr:cNvPr id="399" name="商工費最小値テキスト">
          <a:extLst>
            <a:ext uri="{FF2B5EF4-FFF2-40B4-BE49-F238E27FC236}">
              <a16:creationId xmlns:a16="http://schemas.microsoft.com/office/drawing/2014/main" id="{00000000-0008-0000-0700-00008F010000}"/>
            </a:ext>
          </a:extLst>
        </xdr:cNvPr>
        <xdr:cNvSpPr txBox="1"/>
      </xdr:nvSpPr>
      <xdr:spPr>
        <a:xfrm>
          <a:off x="10528300" y="13590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2208</xdr:rowOff>
    </xdr:from>
    <xdr:to>
      <xdr:col>55</xdr:col>
      <xdr:colOff>88900</xdr:colOff>
      <xdr:row>79</xdr:row>
      <xdr:rowOff>42208</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3586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320</xdr:rowOff>
    </xdr:from>
    <xdr:ext cx="599010" cy="259045"/>
    <xdr:sp macro="" textlink="">
      <xdr:nvSpPr>
        <xdr:cNvPr id="401" name="商工費最大値テキスト">
          <a:extLst>
            <a:ext uri="{FF2B5EF4-FFF2-40B4-BE49-F238E27FC236}">
              <a16:creationId xmlns:a16="http://schemas.microsoft.com/office/drawing/2014/main" id="{00000000-0008-0000-0700-000091010000}"/>
            </a:ext>
          </a:extLst>
        </xdr:cNvPr>
        <xdr:cNvSpPr txBox="1"/>
      </xdr:nvSpPr>
      <xdr:spPr>
        <a:xfrm>
          <a:off x="10528300" y="1206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3,6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13643</xdr:rowOff>
    </xdr:from>
    <xdr:to>
      <xdr:col>55</xdr:col>
      <xdr:colOff>88900</xdr:colOff>
      <xdr:row>71</xdr:row>
      <xdr:rowOff>11364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2286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883</xdr:rowOff>
    </xdr:from>
    <xdr:to>
      <xdr:col>55</xdr:col>
      <xdr:colOff>0</xdr:colOff>
      <xdr:row>78</xdr:row>
      <xdr:rowOff>15478</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9639300" y="13381983"/>
          <a:ext cx="838200" cy="6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2226</xdr:rowOff>
    </xdr:from>
    <xdr:ext cx="534377" cy="259045"/>
    <xdr:sp macro="" textlink="">
      <xdr:nvSpPr>
        <xdr:cNvPr id="404" name="商工費平均値テキスト">
          <a:extLst>
            <a:ext uri="{FF2B5EF4-FFF2-40B4-BE49-F238E27FC236}">
              <a16:creationId xmlns:a16="http://schemas.microsoft.com/office/drawing/2014/main" id="{00000000-0008-0000-0700-000094010000}"/>
            </a:ext>
          </a:extLst>
        </xdr:cNvPr>
        <xdr:cNvSpPr txBox="1"/>
      </xdr:nvSpPr>
      <xdr:spPr>
        <a:xfrm>
          <a:off x="10528300" y="133438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3799</xdr:rowOff>
    </xdr:from>
    <xdr:to>
      <xdr:col>55</xdr:col>
      <xdr:colOff>50800</xdr:colOff>
      <xdr:row>78</xdr:row>
      <xdr:rowOff>9394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10426700" y="1336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883</xdr:rowOff>
    </xdr:from>
    <xdr:to>
      <xdr:col>50</xdr:col>
      <xdr:colOff>114300</xdr:colOff>
      <xdr:row>78</xdr:row>
      <xdr:rowOff>4405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8750300" y="13381983"/>
          <a:ext cx="889000" cy="35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5207</xdr:rowOff>
    </xdr:from>
    <xdr:to>
      <xdr:col>50</xdr:col>
      <xdr:colOff>165100</xdr:colOff>
      <xdr:row>78</xdr:row>
      <xdr:rowOff>95357</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9588500" y="1336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6484</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9372111" y="1345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4056</xdr:rowOff>
    </xdr:from>
    <xdr:to>
      <xdr:col>45</xdr:col>
      <xdr:colOff>177800</xdr:colOff>
      <xdr:row>78</xdr:row>
      <xdr:rowOff>44834</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7861300" y="13417156"/>
          <a:ext cx="889000" cy="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8198</xdr:rowOff>
    </xdr:from>
    <xdr:to>
      <xdr:col>46</xdr:col>
      <xdr:colOff>38100</xdr:colOff>
      <xdr:row>78</xdr:row>
      <xdr:rowOff>68348</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8699500" y="1333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84875</xdr:rowOff>
    </xdr:from>
    <xdr:ext cx="59901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8450795" y="131150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41363</xdr:rowOff>
    </xdr:from>
    <xdr:to>
      <xdr:col>41</xdr:col>
      <xdr:colOff>50800</xdr:colOff>
      <xdr:row>78</xdr:row>
      <xdr:rowOff>44834</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a:off x="6972300" y="13414463"/>
          <a:ext cx="889000" cy="3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6180</xdr:rowOff>
    </xdr:from>
    <xdr:to>
      <xdr:col>41</xdr:col>
      <xdr:colOff>101600</xdr:colOff>
      <xdr:row>79</xdr:row>
      <xdr:rowOff>26330</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7810500" y="13469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17457</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594111" y="13562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9342</xdr:rowOff>
    </xdr:from>
    <xdr:to>
      <xdr:col>36</xdr:col>
      <xdr:colOff>165100</xdr:colOff>
      <xdr:row>79</xdr:row>
      <xdr:rowOff>39492</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6921500" y="1348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30619</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05111" y="13575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6128</xdr:rowOff>
    </xdr:from>
    <xdr:to>
      <xdr:col>55</xdr:col>
      <xdr:colOff>50800</xdr:colOff>
      <xdr:row>78</xdr:row>
      <xdr:rowOff>66278</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10426700" y="13337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59005</xdr:rowOff>
    </xdr:from>
    <xdr:ext cx="599010" cy="259045"/>
    <xdr:sp macro="" textlink="">
      <xdr:nvSpPr>
        <xdr:cNvPr id="423" name="商工費該当値テキスト">
          <a:extLst>
            <a:ext uri="{FF2B5EF4-FFF2-40B4-BE49-F238E27FC236}">
              <a16:creationId xmlns:a16="http://schemas.microsoft.com/office/drawing/2014/main" id="{00000000-0008-0000-0700-0000A7010000}"/>
            </a:ext>
          </a:extLst>
        </xdr:cNvPr>
        <xdr:cNvSpPr txBox="1"/>
      </xdr:nvSpPr>
      <xdr:spPr>
        <a:xfrm>
          <a:off x="10528300" y="131892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9533</xdr:rowOff>
    </xdr:from>
    <xdr:to>
      <xdr:col>50</xdr:col>
      <xdr:colOff>165100</xdr:colOff>
      <xdr:row>78</xdr:row>
      <xdr:rowOff>59683</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9588500" y="13331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76210</xdr:rowOff>
    </xdr:from>
    <xdr:ext cx="59901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339795" y="131064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4706</xdr:rowOff>
    </xdr:from>
    <xdr:to>
      <xdr:col>46</xdr:col>
      <xdr:colOff>38100</xdr:colOff>
      <xdr:row>78</xdr:row>
      <xdr:rowOff>94856</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8699500" y="13366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85983</xdr:rowOff>
    </xdr:from>
    <xdr:ext cx="534377"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483111" y="13459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65484</xdr:rowOff>
    </xdr:from>
    <xdr:to>
      <xdr:col>41</xdr:col>
      <xdr:colOff>101600</xdr:colOff>
      <xdr:row>78</xdr:row>
      <xdr:rowOff>95634</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7810500" y="13367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2161</xdr:rowOff>
    </xdr:from>
    <xdr:ext cx="534377"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594111" y="1314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2013</xdr:rowOff>
    </xdr:from>
    <xdr:to>
      <xdr:col>36</xdr:col>
      <xdr:colOff>165100</xdr:colOff>
      <xdr:row>78</xdr:row>
      <xdr:rowOff>92163</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6921500" y="1336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8690</xdr:rowOff>
    </xdr:from>
    <xdr:ext cx="534377"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705111" y="13138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5918428"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a:extLst>
            <a:ext uri="{FF2B5EF4-FFF2-40B4-BE49-F238E27FC236}">
              <a16:creationId xmlns:a16="http://schemas.microsoft.com/office/drawing/2014/main" id="{00000000-0008-0000-07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091</xdr:rowOff>
    </xdr:from>
    <xdr:to>
      <xdr:col>54</xdr:col>
      <xdr:colOff>189865</xdr:colOff>
      <xdr:row>98</xdr:row>
      <xdr:rowOff>3425</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flipV="1">
          <a:off x="10475595" y="15544591"/>
          <a:ext cx="1270" cy="1260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52</xdr:rowOff>
    </xdr:from>
    <xdr:ext cx="534377" cy="259045"/>
    <xdr:sp macro="" textlink="">
      <xdr:nvSpPr>
        <xdr:cNvPr id="452" name="土木費最小値テキスト">
          <a:extLst>
            <a:ext uri="{FF2B5EF4-FFF2-40B4-BE49-F238E27FC236}">
              <a16:creationId xmlns:a16="http://schemas.microsoft.com/office/drawing/2014/main" id="{00000000-0008-0000-0700-0000C4010000}"/>
            </a:ext>
          </a:extLst>
        </xdr:cNvPr>
        <xdr:cNvSpPr txBox="1"/>
      </xdr:nvSpPr>
      <xdr:spPr>
        <a:xfrm>
          <a:off x="10528300" y="16809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425</xdr:rowOff>
    </xdr:from>
    <xdr:to>
      <xdr:col>55</xdr:col>
      <xdr:colOff>88900</xdr:colOff>
      <xdr:row>98</xdr:row>
      <xdr:rowOff>3425</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10388600" y="16805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768</xdr:rowOff>
    </xdr:from>
    <xdr:ext cx="690189" cy="259045"/>
    <xdr:sp macro="" textlink="">
      <xdr:nvSpPr>
        <xdr:cNvPr id="454" name="土木費最大値テキスト">
          <a:extLst>
            <a:ext uri="{FF2B5EF4-FFF2-40B4-BE49-F238E27FC236}">
              <a16:creationId xmlns:a16="http://schemas.microsoft.com/office/drawing/2014/main" id="{00000000-0008-0000-0700-0000C6010000}"/>
            </a:ext>
          </a:extLst>
        </xdr:cNvPr>
        <xdr:cNvSpPr txBox="1"/>
      </xdr:nvSpPr>
      <xdr:spPr>
        <a:xfrm>
          <a:off x="10528300" y="15319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8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4091</xdr:rowOff>
    </xdr:from>
    <xdr:to>
      <xdr:col>55</xdr:col>
      <xdr:colOff>88900</xdr:colOff>
      <xdr:row>90</xdr:row>
      <xdr:rowOff>11409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554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2066</xdr:rowOff>
    </xdr:from>
    <xdr:to>
      <xdr:col>55</xdr:col>
      <xdr:colOff>0</xdr:colOff>
      <xdr:row>97</xdr:row>
      <xdr:rowOff>68063</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9639300" y="16692716"/>
          <a:ext cx="838200" cy="5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6956</xdr:rowOff>
    </xdr:from>
    <xdr:ext cx="599010" cy="259045"/>
    <xdr:sp macro="" textlink="">
      <xdr:nvSpPr>
        <xdr:cNvPr id="457" name="土木費平均値テキスト">
          <a:extLst>
            <a:ext uri="{FF2B5EF4-FFF2-40B4-BE49-F238E27FC236}">
              <a16:creationId xmlns:a16="http://schemas.microsoft.com/office/drawing/2014/main" id="{00000000-0008-0000-0700-0000C9010000}"/>
            </a:ext>
          </a:extLst>
        </xdr:cNvPr>
        <xdr:cNvSpPr txBox="1"/>
      </xdr:nvSpPr>
      <xdr:spPr>
        <a:xfrm>
          <a:off x="10528300" y="166576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529</xdr:rowOff>
    </xdr:from>
    <xdr:to>
      <xdr:col>55</xdr:col>
      <xdr:colOff>50800</xdr:colOff>
      <xdr:row>97</xdr:row>
      <xdr:rowOff>150129</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10426700" y="1667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62066</xdr:rowOff>
    </xdr:from>
    <xdr:to>
      <xdr:col>50</xdr:col>
      <xdr:colOff>114300</xdr:colOff>
      <xdr:row>97</xdr:row>
      <xdr:rowOff>71616</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8750300" y="16692716"/>
          <a:ext cx="889000" cy="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7824</xdr:rowOff>
    </xdr:from>
    <xdr:to>
      <xdr:col>50</xdr:col>
      <xdr:colOff>165100</xdr:colOff>
      <xdr:row>97</xdr:row>
      <xdr:rowOff>139424</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9588500" y="1666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7</xdr:row>
      <xdr:rowOff>130551</xdr:rowOff>
    </xdr:from>
    <xdr:ext cx="599010"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9339795" y="16761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60964</xdr:rowOff>
    </xdr:from>
    <xdr:to>
      <xdr:col>45</xdr:col>
      <xdr:colOff>177800</xdr:colOff>
      <xdr:row>97</xdr:row>
      <xdr:rowOff>71616</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7861300" y="16691614"/>
          <a:ext cx="889000" cy="10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970</xdr:rowOff>
    </xdr:from>
    <xdr:to>
      <xdr:col>46</xdr:col>
      <xdr:colOff>38100</xdr:colOff>
      <xdr:row>97</xdr:row>
      <xdr:rowOff>15457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8699500" y="1668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7</xdr:row>
      <xdr:rowOff>145697</xdr:rowOff>
    </xdr:from>
    <xdr:ext cx="599010"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8450795" y="16776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60964</xdr:rowOff>
    </xdr:from>
    <xdr:to>
      <xdr:col>41</xdr:col>
      <xdr:colOff>50800</xdr:colOff>
      <xdr:row>97</xdr:row>
      <xdr:rowOff>68014</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6972300" y="16691614"/>
          <a:ext cx="889000" cy="7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93791</xdr:rowOff>
    </xdr:from>
    <xdr:to>
      <xdr:col>41</xdr:col>
      <xdr:colOff>101600</xdr:colOff>
      <xdr:row>98</xdr:row>
      <xdr:rowOff>23941</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7810500" y="16724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5068</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7594111" y="16817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00017</xdr:rowOff>
    </xdr:from>
    <xdr:to>
      <xdr:col>36</xdr:col>
      <xdr:colOff>165100</xdr:colOff>
      <xdr:row>98</xdr:row>
      <xdr:rowOff>30167</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6921500" y="16730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21294</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705111" y="16823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7263</xdr:rowOff>
    </xdr:from>
    <xdr:to>
      <xdr:col>55</xdr:col>
      <xdr:colOff>50800</xdr:colOff>
      <xdr:row>97</xdr:row>
      <xdr:rowOff>118863</xdr:rowOff>
    </xdr:to>
    <xdr:sp macro="" textlink="">
      <xdr:nvSpPr>
        <xdr:cNvPr id="475" name="楕円 474">
          <a:extLst>
            <a:ext uri="{FF2B5EF4-FFF2-40B4-BE49-F238E27FC236}">
              <a16:creationId xmlns:a16="http://schemas.microsoft.com/office/drawing/2014/main" id="{00000000-0008-0000-0700-0000DB010000}"/>
            </a:ext>
          </a:extLst>
        </xdr:cNvPr>
        <xdr:cNvSpPr/>
      </xdr:nvSpPr>
      <xdr:spPr>
        <a:xfrm>
          <a:off x="10426700" y="1664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48090</xdr:rowOff>
    </xdr:from>
    <xdr:ext cx="599010" cy="259045"/>
    <xdr:sp macro="" textlink="">
      <xdr:nvSpPr>
        <xdr:cNvPr id="476" name="土木費該当値テキスト">
          <a:extLst>
            <a:ext uri="{FF2B5EF4-FFF2-40B4-BE49-F238E27FC236}">
              <a16:creationId xmlns:a16="http://schemas.microsoft.com/office/drawing/2014/main" id="{00000000-0008-0000-0700-0000DC010000}"/>
            </a:ext>
          </a:extLst>
        </xdr:cNvPr>
        <xdr:cNvSpPr txBox="1"/>
      </xdr:nvSpPr>
      <xdr:spPr>
        <a:xfrm>
          <a:off x="10528300" y="164358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266</xdr:rowOff>
    </xdr:from>
    <xdr:to>
      <xdr:col>50</xdr:col>
      <xdr:colOff>165100</xdr:colOff>
      <xdr:row>97</xdr:row>
      <xdr:rowOff>112866</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9588500" y="16641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5</xdr:row>
      <xdr:rowOff>129393</xdr:rowOff>
    </xdr:from>
    <xdr:ext cx="59901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339795" y="16417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0816</xdr:rowOff>
    </xdr:from>
    <xdr:to>
      <xdr:col>46</xdr:col>
      <xdr:colOff>38100</xdr:colOff>
      <xdr:row>97</xdr:row>
      <xdr:rowOff>122416</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8699500" y="1665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5</xdr:row>
      <xdr:rowOff>138943</xdr:rowOff>
    </xdr:from>
    <xdr:ext cx="59901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50795" y="164266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0164</xdr:rowOff>
    </xdr:from>
    <xdr:to>
      <xdr:col>41</xdr:col>
      <xdr:colOff>101600</xdr:colOff>
      <xdr:row>97</xdr:row>
      <xdr:rowOff>111764</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7810500" y="16640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5</xdr:row>
      <xdr:rowOff>128291</xdr:rowOff>
    </xdr:from>
    <xdr:ext cx="59901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561795" y="16416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7214</xdr:rowOff>
    </xdr:from>
    <xdr:to>
      <xdr:col>36</xdr:col>
      <xdr:colOff>165100</xdr:colOff>
      <xdr:row>97</xdr:row>
      <xdr:rowOff>118814</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6921500" y="1664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5</xdr:row>
      <xdr:rowOff>135341</xdr:rowOff>
    </xdr:from>
    <xdr:ext cx="59901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6672795" y="16423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5" name="直線コネクタ 494">
          <a:extLst>
            <a:ext uri="{FF2B5EF4-FFF2-40B4-BE49-F238E27FC236}">
              <a16:creationId xmlns:a16="http://schemas.microsoft.com/office/drawing/2014/main" id="{00000000-0008-0000-0700-0000EF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消防費グラフ枠">
          <a:extLst>
            <a:ext uri="{FF2B5EF4-FFF2-40B4-BE49-F238E27FC236}">
              <a16:creationId xmlns:a16="http://schemas.microsoft.com/office/drawing/2014/main" id="{00000000-0008-0000-07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0142</xdr:rowOff>
    </xdr:from>
    <xdr:to>
      <xdr:col>85</xdr:col>
      <xdr:colOff>126364</xdr:colOff>
      <xdr:row>39</xdr:row>
      <xdr:rowOff>5741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flipV="1">
          <a:off x="16317595" y="5325092"/>
          <a:ext cx="1269" cy="1418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1237</xdr:rowOff>
    </xdr:from>
    <xdr:ext cx="534377" cy="259045"/>
    <xdr:sp macro="" textlink="">
      <xdr:nvSpPr>
        <xdr:cNvPr id="511" name="消防費最小値テキスト">
          <a:extLst>
            <a:ext uri="{FF2B5EF4-FFF2-40B4-BE49-F238E27FC236}">
              <a16:creationId xmlns:a16="http://schemas.microsoft.com/office/drawing/2014/main" id="{00000000-0008-0000-0700-0000FF010000}"/>
            </a:ext>
          </a:extLst>
        </xdr:cNvPr>
        <xdr:cNvSpPr txBox="1"/>
      </xdr:nvSpPr>
      <xdr:spPr>
        <a:xfrm>
          <a:off x="16370300" y="674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7410</xdr:rowOff>
    </xdr:from>
    <xdr:to>
      <xdr:col>86</xdr:col>
      <xdr:colOff>25400</xdr:colOff>
      <xdr:row>39</xdr:row>
      <xdr:rowOff>5741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6230600" y="6743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8269</xdr:rowOff>
    </xdr:from>
    <xdr:ext cx="599010" cy="259045"/>
    <xdr:sp macro="" textlink="">
      <xdr:nvSpPr>
        <xdr:cNvPr id="513" name="消防費最大値テキスト">
          <a:extLst>
            <a:ext uri="{FF2B5EF4-FFF2-40B4-BE49-F238E27FC236}">
              <a16:creationId xmlns:a16="http://schemas.microsoft.com/office/drawing/2014/main" id="{00000000-0008-0000-0700-000001020000}"/>
            </a:ext>
          </a:extLst>
        </xdr:cNvPr>
        <xdr:cNvSpPr txBox="1"/>
      </xdr:nvSpPr>
      <xdr:spPr>
        <a:xfrm>
          <a:off x="16370300" y="5100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1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0142</xdr:rowOff>
    </xdr:from>
    <xdr:to>
      <xdr:col>86</xdr:col>
      <xdr:colOff>25400</xdr:colOff>
      <xdr:row>31</xdr:row>
      <xdr:rowOff>1014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5325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57453</xdr:rowOff>
    </xdr:from>
    <xdr:to>
      <xdr:col>85</xdr:col>
      <xdr:colOff>127000</xdr:colOff>
      <xdr:row>38</xdr:row>
      <xdr:rowOff>90884</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flipV="1">
          <a:off x="15481300" y="6572553"/>
          <a:ext cx="838200" cy="33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71095</xdr:rowOff>
    </xdr:from>
    <xdr:ext cx="534377" cy="259045"/>
    <xdr:sp macro="" textlink="">
      <xdr:nvSpPr>
        <xdr:cNvPr id="516" name="消防費平均値テキスト">
          <a:extLst>
            <a:ext uri="{FF2B5EF4-FFF2-40B4-BE49-F238E27FC236}">
              <a16:creationId xmlns:a16="http://schemas.microsoft.com/office/drawing/2014/main" id="{00000000-0008-0000-0700-000004020000}"/>
            </a:ext>
          </a:extLst>
        </xdr:cNvPr>
        <xdr:cNvSpPr txBox="1"/>
      </xdr:nvSpPr>
      <xdr:spPr>
        <a:xfrm>
          <a:off x="16370300" y="65147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1218</xdr:rowOff>
    </xdr:from>
    <xdr:to>
      <xdr:col>85</xdr:col>
      <xdr:colOff>177800</xdr:colOff>
      <xdr:row>38</xdr:row>
      <xdr:rowOff>122818</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6268700" y="6536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76293</xdr:rowOff>
    </xdr:from>
    <xdr:to>
      <xdr:col>81</xdr:col>
      <xdr:colOff>50800</xdr:colOff>
      <xdr:row>38</xdr:row>
      <xdr:rowOff>90884</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4592300" y="6591393"/>
          <a:ext cx="889000" cy="14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31</xdr:rowOff>
    </xdr:from>
    <xdr:to>
      <xdr:col>81</xdr:col>
      <xdr:colOff>101600</xdr:colOff>
      <xdr:row>38</xdr:row>
      <xdr:rowOff>108031</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5430500" y="652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24558</xdr:rowOff>
    </xdr:from>
    <xdr:ext cx="534377"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5214111" y="629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47832</xdr:rowOff>
    </xdr:from>
    <xdr:to>
      <xdr:col>76</xdr:col>
      <xdr:colOff>114300</xdr:colOff>
      <xdr:row>38</xdr:row>
      <xdr:rowOff>76293</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3703300" y="6491482"/>
          <a:ext cx="889000" cy="99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4211</xdr:rowOff>
    </xdr:from>
    <xdr:to>
      <xdr:col>76</xdr:col>
      <xdr:colOff>165100</xdr:colOff>
      <xdr:row>38</xdr:row>
      <xdr:rowOff>74361</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4541500" y="648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0888</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4325111" y="6263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47832</xdr:rowOff>
    </xdr:from>
    <xdr:to>
      <xdr:col>71</xdr:col>
      <xdr:colOff>177800</xdr:colOff>
      <xdr:row>38</xdr:row>
      <xdr:rowOff>72165</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2814300" y="6491482"/>
          <a:ext cx="889000" cy="95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99954</xdr:rowOff>
    </xdr:from>
    <xdr:to>
      <xdr:col>72</xdr:col>
      <xdr:colOff>38100</xdr:colOff>
      <xdr:row>39</xdr:row>
      <xdr:rowOff>30104</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3652500" y="6615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21231</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3436111" y="6707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06025</xdr:rowOff>
    </xdr:from>
    <xdr:to>
      <xdr:col>67</xdr:col>
      <xdr:colOff>101600</xdr:colOff>
      <xdr:row>39</xdr:row>
      <xdr:rowOff>36175</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2763500" y="6621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9</xdr:row>
      <xdr:rowOff>27302</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547111" y="6713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653</xdr:rowOff>
    </xdr:from>
    <xdr:to>
      <xdr:col>85</xdr:col>
      <xdr:colOff>177800</xdr:colOff>
      <xdr:row>38</xdr:row>
      <xdr:rowOff>108253</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6268700" y="6521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29530</xdr:rowOff>
    </xdr:from>
    <xdr:ext cx="534377" cy="259045"/>
    <xdr:sp macro="" textlink="">
      <xdr:nvSpPr>
        <xdr:cNvPr id="535" name="消防費該当値テキスト">
          <a:extLst>
            <a:ext uri="{FF2B5EF4-FFF2-40B4-BE49-F238E27FC236}">
              <a16:creationId xmlns:a16="http://schemas.microsoft.com/office/drawing/2014/main" id="{00000000-0008-0000-0700-000017020000}"/>
            </a:ext>
          </a:extLst>
        </xdr:cNvPr>
        <xdr:cNvSpPr txBox="1"/>
      </xdr:nvSpPr>
      <xdr:spPr>
        <a:xfrm>
          <a:off x="16370300" y="6373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40084</xdr:rowOff>
    </xdr:from>
    <xdr:to>
      <xdr:col>81</xdr:col>
      <xdr:colOff>101600</xdr:colOff>
      <xdr:row>38</xdr:row>
      <xdr:rowOff>141684</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5430500" y="6555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32811</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14111" y="6647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25493</xdr:rowOff>
    </xdr:from>
    <xdr:to>
      <xdr:col>76</xdr:col>
      <xdr:colOff>165100</xdr:colOff>
      <xdr:row>38</xdr:row>
      <xdr:rowOff>127093</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4541500" y="6540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18220</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325111" y="6633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97032</xdr:rowOff>
    </xdr:from>
    <xdr:to>
      <xdr:col>72</xdr:col>
      <xdr:colOff>38100</xdr:colOff>
      <xdr:row>38</xdr:row>
      <xdr:rowOff>27181</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3652500" y="644068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43709</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436111" y="6215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1365</xdr:rowOff>
    </xdr:from>
    <xdr:to>
      <xdr:col>67</xdr:col>
      <xdr:colOff>101600</xdr:colOff>
      <xdr:row>38</xdr:row>
      <xdr:rowOff>122965</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2763500" y="653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39492</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547111" y="6311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850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760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348</xdr:rowOff>
    </xdr:from>
    <xdr:to>
      <xdr:col>85</xdr:col>
      <xdr:colOff>126364</xdr:colOff>
      <xdr:row>59</xdr:row>
      <xdr:rowOff>826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6317595" y="8553398"/>
          <a:ext cx="1269" cy="1570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093</xdr:rowOff>
    </xdr:from>
    <xdr:ext cx="534377" cy="259045"/>
    <xdr:sp macro="" textlink="">
      <xdr:nvSpPr>
        <xdr:cNvPr id="570" name="教育費最小値テキスト">
          <a:extLst>
            <a:ext uri="{FF2B5EF4-FFF2-40B4-BE49-F238E27FC236}">
              <a16:creationId xmlns:a16="http://schemas.microsoft.com/office/drawing/2014/main" id="{00000000-0008-0000-0700-00003A020000}"/>
            </a:ext>
          </a:extLst>
        </xdr:cNvPr>
        <xdr:cNvSpPr txBox="1"/>
      </xdr:nvSpPr>
      <xdr:spPr>
        <a:xfrm>
          <a:off x="16370300" y="1012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8266</xdr:rowOff>
    </xdr:from>
    <xdr:to>
      <xdr:col>86</xdr:col>
      <xdr:colOff>25400</xdr:colOff>
      <xdr:row>59</xdr:row>
      <xdr:rowOff>8266</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10123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9025</xdr:rowOff>
    </xdr:from>
    <xdr:ext cx="690189" cy="259045"/>
    <xdr:sp macro="" textlink="">
      <xdr:nvSpPr>
        <xdr:cNvPr id="572" name="教育費最大値テキスト">
          <a:extLst>
            <a:ext uri="{FF2B5EF4-FFF2-40B4-BE49-F238E27FC236}">
              <a16:creationId xmlns:a16="http://schemas.microsoft.com/office/drawing/2014/main" id="{00000000-0008-0000-0700-00003C020000}"/>
            </a:ext>
          </a:extLst>
        </xdr:cNvPr>
        <xdr:cNvSpPr txBox="1"/>
      </xdr:nvSpPr>
      <xdr:spPr>
        <a:xfrm>
          <a:off x="16370300" y="83286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7,2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348</xdr:rowOff>
    </xdr:from>
    <xdr:to>
      <xdr:col>86</xdr:col>
      <xdr:colOff>25400</xdr:colOff>
      <xdr:row>49</xdr:row>
      <xdr:rowOff>152348</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6230600" y="8553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42808</xdr:rowOff>
    </xdr:from>
    <xdr:to>
      <xdr:col>85</xdr:col>
      <xdr:colOff>127000</xdr:colOff>
      <xdr:row>58</xdr:row>
      <xdr:rowOff>92207</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5481300" y="9986908"/>
          <a:ext cx="838200" cy="49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55839</xdr:rowOff>
    </xdr:from>
    <xdr:ext cx="599010" cy="259045"/>
    <xdr:sp macro="" textlink="">
      <xdr:nvSpPr>
        <xdr:cNvPr id="575" name="教育費平均値テキスト">
          <a:extLst>
            <a:ext uri="{FF2B5EF4-FFF2-40B4-BE49-F238E27FC236}">
              <a16:creationId xmlns:a16="http://schemas.microsoft.com/office/drawing/2014/main" id="{00000000-0008-0000-0700-00003F020000}"/>
            </a:ext>
          </a:extLst>
        </xdr:cNvPr>
        <xdr:cNvSpPr txBox="1"/>
      </xdr:nvSpPr>
      <xdr:spPr>
        <a:xfrm>
          <a:off x="16370300" y="9757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962</xdr:rowOff>
    </xdr:from>
    <xdr:to>
      <xdr:col>85</xdr:col>
      <xdr:colOff>177800</xdr:colOff>
      <xdr:row>58</xdr:row>
      <xdr:rowOff>63112</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6268700" y="990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83071</xdr:rowOff>
    </xdr:from>
    <xdr:to>
      <xdr:col>81</xdr:col>
      <xdr:colOff>50800</xdr:colOff>
      <xdr:row>58</xdr:row>
      <xdr:rowOff>92207</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4592300" y="10027171"/>
          <a:ext cx="889000" cy="9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61391</xdr:rowOff>
    </xdr:from>
    <xdr:to>
      <xdr:col>81</xdr:col>
      <xdr:colOff>101600</xdr:colOff>
      <xdr:row>58</xdr:row>
      <xdr:rowOff>91541</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5430500" y="9934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6</xdr:row>
      <xdr:rowOff>108068</xdr:rowOff>
    </xdr:from>
    <xdr:ext cx="599010"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5181795" y="9709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83071</xdr:rowOff>
    </xdr:from>
    <xdr:to>
      <xdr:col>76</xdr:col>
      <xdr:colOff>114300</xdr:colOff>
      <xdr:row>58</xdr:row>
      <xdr:rowOff>95662</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3703300" y="10027171"/>
          <a:ext cx="889000" cy="12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86</xdr:rowOff>
    </xdr:from>
    <xdr:to>
      <xdr:col>76</xdr:col>
      <xdr:colOff>165100</xdr:colOff>
      <xdr:row>58</xdr:row>
      <xdr:rowOff>106286</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4541500" y="9948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6</xdr:row>
      <xdr:rowOff>122813</xdr:rowOff>
    </xdr:from>
    <xdr:ext cx="599010"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4292795" y="97240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95662</xdr:rowOff>
    </xdr:from>
    <xdr:to>
      <xdr:col>71</xdr:col>
      <xdr:colOff>177800</xdr:colOff>
      <xdr:row>58</xdr:row>
      <xdr:rowOff>116877</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2814300" y="10039762"/>
          <a:ext cx="889000" cy="21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82190</xdr:rowOff>
    </xdr:from>
    <xdr:to>
      <xdr:col>72</xdr:col>
      <xdr:colOff>38100</xdr:colOff>
      <xdr:row>59</xdr:row>
      <xdr:rowOff>12340</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3652500" y="10026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3467</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436111" y="10119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03888</xdr:rowOff>
    </xdr:from>
    <xdr:to>
      <xdr:col>67</xdr:col>
      <xdr:colOff>101600</xdr:colOff>
      <xdr:row>59</xdr:row>
      <xdr:rowOff>34038</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2763500" y="10047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25165</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547111" y="10140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63458</xdr:rowOff>
    </xdr:from>
    <xdr:to>
      <xdr:col>85</xdr:col>
      <xdr:colOff>177800</xdr:colOff>
      <xdr:row>58</xdr:row>
      <xdr:rowOff>93608</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6268700" y="993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41885</xdr:rowOff>
    </xdr:from>
    <xdr:ext cx="599010" cy="259045"/>
    <xdr:sp macro="" textlink="">
      <xdr:nvSpPr>
        <xdr:cNvPr id="594" name="教育費該当値テキスト">
          <a:extLst>
            <a:ext uri="{FF2B5EF4-FFF2-40B4-BE49-F238E27FC236}">
              <a16:creationId xmlns:a16="http://schemas.microsoft.com/office/drawing/2014/main" id="{00000000-0008-0000-0700-000052020000}"/>
            </a:ext>
          </a:extLst>
        </xdr:cNvPr>
        <xdr:cNvSpPr txBox="1"/>
      </xdr:nvSpPr>
      <xdr:spPr>
        <a:xfrm>
          <a:off x="16370300" y="9914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41407</xdr:rowOff>
    </xdr:from>
    <xdr:to>
      <xdr:col>81</xdr:col>
      <xdr:colOff>101600</xdr:colOff>
      <xdr:row>58</xdr:row>
      <xdr:rowOff>143007</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5430500" y="9985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8</xdr:row>
      <xdr:rowOff>134134</xdr:rowOff>
    </xdr:from>
    <xdr:ext cx="59901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181795" y="100782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32271</xdr:rowOff>
    </xdr:from>
    <xdr:to>
      <xdr:col>76</xdr:col>
      <xdr:colOff>165100</xdr:colOff>
      <xdr:row>58</xdr:row>
      <xdr:rowOff>133871</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4541500" y="9976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8</xdr:row>
      <xdr:rowOff>124998</xdr:rowOff>
    </xdr:from>
    <xdr:ext cx="59901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292795" y="10069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44862</xdr:rowOff>
    </xdr:from>
    <xdr:to>
      <xdr:col>72</xdr:col>
      <xdr:colOff>38100</xdr:colOff>
      <xdr:row>58</xdr:row>
      <xdr:rowOff>146462</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3652500" y="9988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6</xdr:row>
      <xdr:rowOff>162989</xdr:rowOff>
    </xdr:from>
    <xdr:ext cx="59901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403795" y="9764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66077</xdr:rowOff>
    </xdr:from>
    <xdr:to>
      <xdr:col>67</xdr:col>
      <xdr:colOff>101600</xdr:colOff>
      <xdr:row>58</xdr:row>
      <xdr:rowOff>167677</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2763500" y="10010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2754</xdr:rowOff>
    </xdr:from>
    <xdr:ext cx="534377"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547111" y="9785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a16="http://schemas.microsoft.com/office/drawing/2014/main"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08</xdr:rowOff>
    </xdr:from>
    <xdr:to>
      <xdr:col>85</xdr:col>
      <xdr:colOff>126364</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6317595" y="12132308"/>
          <a:ext cx="1269" cy="1511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9" name="災害復旧費最小値テキスト">
          <a:extLst>
            <a:ext uri="{FF2B5EF4-FFF2-40B4-BE49-F238E27FC236}">
              <a16:creationId xmlns:a16="http://schemas.microsoft.com/office/drawing/2014/main" id="{00000000-0008-0000-0700-000075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7485</xdr:rowOff>
    </xdr:from>
    <xdr:ext cx="599010" cy="259045"/>
    <xdr:sp macro="" textlink="">
      <xdr:nvSpPr>
        <xdr:cNvPr id="631" name="災害復旧費最大値テキスト">
          <a:extLst>
            <a:ext uri="{FF2B5EF4-FFF2-40B4-BE49-F238E27FC236}">
              <a16:creationId xmlns:a16="http://schemas.microsoft.com/office/drawing/2014/main" id="{00000000-0008-0000-0700-000077020000}"/>
            </a:ext>
          </a:extLst>
        </xdr:cNvPr>
        <xdr:cNvSpPr txBox="1"/>
      </xdr:nvSpPr>
      <xdr:spPr>
        <a:xfrm>
          <a:off x="16370300" y="1190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2,7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08</xdr:rowOff>
    </xdr:from>
    <xdr:to>
      <xdr:col>86</xdr:col>
      <xdr:colOff>25400</xdr:colOff>
      <xdr:row>70</xdr:row>
      <xdr:rowOff>130808</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6230600" y="12132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68576</xdr:rowOff>
    </xdr:from>
    <xdr:to>
      <xdr:col>85</xdr:col>
      <xdr:colOff>127000</xdr:colOff>
      <xdr:row>79</xdr:row>
      <xdr:rowOff>5083</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5481300" y="13441676"/>
          <a:ext cx="838200" cy="107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1994</xdr:rowOff>
    </xdr:from>
    <xdr:ext cx="534377" cy="259045"/>
    <xdr:sp macro="" textlink="">
      <xdr:nvSpPr>
        <xdr:cNvPr id="634" name="災害復旧費平均値テキスト">
          <a:extLst>
            <a:ext uri="{FF2B5EF4-FFF2-40B4-BE49-F238E27FC236}">
              <a16:creationId xmlns:a16="http://schemas.microsoft.com/office/drawing/2014/main" id="{00000000-0008-0000-0700-00007A020000}"/>
            </a:ext>
          </a:extLst>
        </xdr:cNvPr>
        <xdr:cNvSpPr txBox="1"/>
      </xdr:nvSpPr>
      <xdr:spPr>
        <a:xfrm>
          <a:off x="16370300" y="13505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567</xdr:rowOff>
    </xdr:from>
    <xdr:to>
      <xdr:col>85</xdr:col>
      <xdr:colOff>177800</xdr:colOff>
      <xdr:row>79</xdr:row>
      <xdr:rowOff>83717</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6268700" y="1352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59333</xdr:rowOff>
    </xdr:from>
    <xdr:to>
      <xdr:col>81</xdr:col>
      <xdr:colOff>50800</xdr:colOff>
      <xdr:row>78</xdr:row>
      <xdr:rowOff>68576</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4592300" y="13360983"/>
          <a:ext cx="889000" cy="80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0093</xdr:rowOff>
    </xdr:from>
    <xdr:to>
      <xdr:col>81</xdr:col>
      <xdr:colOff>101600</xdr:colOff>
      <xdr:row>79</xdr:row>
      <xdr:rowOff>80243</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5430500" y="1352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71370</xdr:rowOff>
    </xdr:from>
    <xdr:ext cx="534377"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5214111" y="1361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59333</xdr:rowOff>
    </xdr:from>
    <xdr:to>
      <xdr:col>76</xdr:col>
      <xdr:colOff>114300</xdr:colOff>
      <xdr:row>78</xdr:row>
      <xdr:rowOff>72899</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flipV="1">
          <a:off x="13703300" y="13360983"/>
          <a:ext cx="889000" cy="85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048</xdr:rowOff>
    </xdr:from>
    <xdr:to>
      <xdr:col>76</xdr:col>
      <xdr:colOff>165100</xdr:colOff>
      <xdr:row>79</xdr:row>
      <xdr:rowOff>65198</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4541500" y="1350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56325</xdr:rowOff>
    </xdr:from>
    <xdr:ext cx="534377"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325111" y="13600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72899</xdr:rowOff>
    </xdr:from>
    <xdr:to>
      <xdr:col>71</xdr:col>
      <xdr:colOff>177800</xdr:colOff>
      <xdr:row>79</xdr:row>
      <xdr:rowOff>81031</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2814300" y="13445999"/>
          <a:ext cx="889000" cy="179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6731</xdr:rowOff>
    </xdr:from>
    <xdr:to>
      <xdr:col>72</xdr:col>
      <xdr:colOff>38100</xdr:colOff>
      <xdr:row>79</xdr:row>
      <xdr:rowOff>108331</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3652500" y="1355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99458</xdr:rowOff>
    </xdr:from>
    <xdr:ext cx="534377"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3436111" y="13644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6829</xdr:rowOff>
    </xdr:from>
    <xdr:to>
      <xdr:col>67</xdr:col>
      <xdr:colOff>101600</xdr:colOff>
      <xdr:row>79</xdr:row>
      <xdr:rowOff>108429</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2763500" y="13551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24956</xdr:rowOff>
    </xdr:from>
    <xdr:ext cx="534377"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2547111" y="13326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25733</xdr:rowOff>
    </xdr:from>
    <xdr:to>
      <xdr:col>85</xdr:col>
      <xdr:colOff>177800</xdr:colOff>
      <xdr:row>79</xdr:row>
      <xdr:rowOff>55883</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6268700" y="13498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85110</xdr:rowOff>
    </xdr:from>
    <xdr:ext cx="534377" cy="259045"/>
    <xdr:sp macro="" textlink="">
      <xdr:nvSpPr>
        <xdr:cNvPr id="653" name="災害復旧費該当値テキスト">
          <a:extLst>
            <a:ext uri="{FF2B5EF4-FFF2-40B4-BE49-F238E27FC236}">
              <a16:creationId xmlns:a16="http://schemas.microsoft.com/office/drawing/2014/main" id="{00000000-0008-0000-0700-00008D020000}"/>
            </a:ext>
          </a:extLst>
        </xdr:cNvPr>
        <xdr:cNvSpPr txBox="1"/>
      </xdr:nvSpPr>
      <xdr:spPr>
        <a:xfrm>
          <a:off x="16370300" y="13286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7776</xdr:rowOff>
    </xdr:from>
    <xdr:to>
      <xdr:col>81</xdr:col>
      <xdr:colOff>101600</xdr:colOff>
      <xdr:row>78</xdr:row>
      <xdr:rowOff>119376</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5430500" y="13390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35903</xdr:rowOff>
    </xdr:from>
    <xdr:ext cx="534377"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214111" y="13166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08533</xdr:rowOff>
    </xdr:from>
    <xdr:to>
      <xdr:col>76</xdr:col>
      <xdr:colOff>165100</xdr:colOff>
      <xdr:row>78</xdr:row>
      <xdr:rowOff>38683</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4541500" y="13310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55210</xdr:rowOff>
    </xdr:from>
    <xdr:ext cx="534377"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325111" y="13085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22099</xdr:rowOff>
    </xdr:from>
    <xdr:to>
      <xdr:col>72</xdr:col>
      <xdr:colOff>38100</xdr:colOff>
      <xdr:row>78</xdr:row>
      <xdr:rowOff>123699</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3652500" y="13395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40226</xdr:rowOff>
    </xdr:from>
    <xdr:ext cx="534377"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3436111" y="13170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30231</xdr:rowOff>
    </xdr:from>
    <xdr:to>
      <xdr:col>67</xdr:col>
      <xdr:colOff>101600</xdr:colOff>
      <xdr:row>79</xdr:row>
      <xdr:rowOff>131831</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2763500" y="13574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122958</xdr:rowOff>
    </xdr:from>
    <xdr:ext cx="469744"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2579428" y="13667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440</xdr:rowOff>
    </xdr:from>
    <xdr:to>
      <xdr:col>85</xdr:col>
      <xdr:colOff>126364</xdr:colOff>
      <xdr:row>99</xdr:row>
      <xdr:rowOff>444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6317595" y="15507940"/>
          <a:ext cx="1269" cy="1510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86" name="公債費最小値テキスト">
          <a:extLst>
            <a:ext uri="{FF2B5EF4-FFF2-40B4-BE49-F238E27FC236}">
              <a16:creationId xmlns:a16="http://schemas.microsoft.com/office/drawing/2014/main" id="{00000000-0008-0000-0700-0000AE020000}"/>
            </a:ext>
          </a:extLst>
        </xdr:cNvPr>
        <xdr:cNvSpPr txBox="1"/>
      </xdr:nvSpPr>
      <xdr:spPr>
        <a:xfrm>
          <a:off x="16370300" y="17021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4117</xdr:rowOff>
    </xdr:from>
    <xdr:ext cx="690189" cy="259045"/>
    <xdr:sp macro="" textlink="">
      <xdr:nvSpPr>
        <xdr:cNvPr id="688" name="公債費最大値テキスト">
          <a:extLst>
            <a:ext uri="{FF2B5EF4-FFF2-40B4-BE49-F238E27FC236}">
              <a16:creationId xmlns:a16="http://schemas.microsoft.com/office/drawing/2014/main" id="{00000000-0008-0000-0700-0000B0020000}"/>
            </a:ext>
          </a:extLst>
        </xdr:cNvPr>
        <xdr:cNvSpPr txBox="1"/>
      </xdr:nvSpPr>
      <xdr:spPr>
        <a:xfrm>
          <a:off x="16370300" y="1528316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1,7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440</xdr:rowOff>
    </xdr:from>
    <xdr:to>
      <xdr:col>86</xdr:col>
      <xdr:colOff>25400</xdr:colOff>
      <xdr:row>90</xdr:row>
      <xdr:rowOff>7744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6230600" y="1550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11157</xdr:rowOff>
    </xdr:from>
    <xdr:to>
      <xdr:col>85</xdr:col>
      <xdr:colOff>127000</xdr:colOff>
      <xdr:row>99</xdr:row>
      <xdr:rowOff>11556</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5481300" y="16984707"/>
          <a:ext cx="838200" cy="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3039</xdr:rowOff>
    </xdr:from>
    <xdr:ext cx="599010" cy="259045"/>
    <xdr:sp macro="" textlink="">
      <xdr:nvSpPr>
        <xdr:cNvPr id="691" name="公債費平均値テキスト">
          <a:extLst>
            <a:ext uri="{FF2B5EF4-FFF2-40B4-BE49-F238E27FC236}">
              <a16:creationId xmlns:a16="http://schemas.microsoft.com/office/drawing/2014/main" id="{00000000-0008-0000-0700-0000B3020000}"/>
            </a:ext>
          </a:extLst>
        </xdr:cNvPr>
        <xdr:cNvSpPr txBox="1"/>
      </xdr:nvSpPr>
      <xdr:spPr>
        <a:xfrm>
          <a:off x="16370300" y="16693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162</xdr:rowOff>
    </xdr:from>
    <xdr:to>
      <xdr:col>85</xdr:col>
      <xdr:colOff>177800</xdr:colOff>
      <xdr:row>98</xdr:row>
      <xdr:rowOff>141762</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6268700" y="1684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11556</xdr:rowOff>
    </xdr:from>
    <xdr:to>
      <xdr:col>81</xdr:col>
      <xdr:colOff>50800</xdr:colOff>
      <xdr:row>99</xdr:row>
      <xdr:rowOff>12247</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4592300" y="16985106"/>
          <a:ext cx="889000" cy="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961</xdr:rowOff>
    </xdr:from>
    <xdr:to>
      <xdr:col>81</xdr:col>
      <xdr:colOff>101600</xdr:colOff>
      <xdr:row>98</xdr:row>
      <xdr:rowOff>152561</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5430500" y="168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69088</xdr:rowOff>
    </xdr:from>
    <xdr:ext cx="59901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5181795" y="16628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12081</xdr:rowOff>
    </xdr:from>
    <xdr:to>
      <xdr:col>76</xdr:col>
      <xdr:colOff>114300</xdr:colOff>
      <xdr:row>99</xdr:row>
      <xdr:rowOff>12247</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3703300" y="16985631"/>
          <a:ext cx="889000" cy="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938</xdr:rowOff>
    </xdr:from>
    <xdr:to>
      <xdr:col>76</xdr:col>
      <xdr:colOff>165100</xdr:colOff>
      <xdr:row>98</xdr:row>
      <xdr:rowOff>150538</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4541500" y="1685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67065</xdr:rowOff>
    </xdr:from>
    <xdr:ext cx="59901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292795" y="16626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12081</xdr:rowOff>
    </xdr:from>
    <xdr:to>
      <xdr:col>71</xdr:col>
      <xdr:colOff>177800</xdr:colOff>
      <xdr:row>99</xdr:row>
      <xdr:rowOff>13224</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flipV="1">
          <a:off x="12814300" y="16985631"/>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10530</xdr:rowOff>
    </xdr:from>
    <xdr:to>
      <xdr:col>72</xdr:col>
      <xdr:colOff>38100</xdr:colOff>
      <xdr:row>99</xdr:row>
      <xdr:rowOff>40680</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3652500" y="16912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57207</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36111" y="16687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7945</xdr:rowOff>
    </xdr:from>
    <xdr:to>
      <xdr:col>67</xdr:col>
      <xdr:colOff>101600</xdr:colOff>
      <xdr:row>99</xdr:row>
      <xdr:rowOff>38095</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2763500" y="16910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54622</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47111" y="16685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31807</xdr:rowOff>
    </xdr:from>
    <xdr:to>
      <xdr:col>85</xdr:col>
      <xdr:colOff>177800</xdr:colOff>
      <xdr:row>99</xdr:row>
      <xdr:rowOff>61957</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6268700" y="16933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46734</xdr:rowOff>
    </xdr:from>
    <xdr:ext cx="534377" cy="259045"/>
    <xdr:sp macro="" textlink="">
      <xdr:nvSpPr>
        <xdr:cNvPr id="710" name="公債費該当値テキスト">
          <a:extLst>
            <a:ext uri="{FF2B5EF4-FFF2-40B4-BE49-F238E27FC236}">
              <a16:creationId xmlns:a16="http://schemas.microsoft.com/office/drawing/2014/main" id="{00000000-0008-0000-0700-0000C6020000}"/>
            </a:ext>
          </a:extLst>
        </xdr:cNvPr>
        <xdr:cNvSpPr txBox="1"/>
      </xdr:nvSpPr>
      <xdr:spPr>
        <a:xfrm>
          <a:off x="16370300" y="16848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32206</xdr:rowOff>
    </xdr:from>
    <xdr:to>
      <xdr:col>81</xdr:col>
      <xdr:colOff>101600</xdr:colOff>
      <xdr:row>99</xdr:row>
      <xdr:rowOff>62356</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5430500" y="16934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53483</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14111" y="17027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32897</xdr:rowOff>
    </xdr:from>
    <xdr:to>
      <xdr:col>76</xdr:col>
      <xdr:colOff>165100</xdr:colOff>
      <xdr:row>99</xdr:row>
      <xdr:rowOff>63047</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4541500" y="16934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54174</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7027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32731</xdr:rowOff>
    </xdr:from>
    <xdr:to>
      <xdr:col>72</xdr:col>
      <xdr:colOff>38100</xdr:colOff>
      <xdr:row>99</xdr:row>
      <xdr:rowOff>62881</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3652500" y="16934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54008</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436111" y="17027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3874</xdr:rowOff>
    </xdr:from>
    <xdr:to>
      <xdr:col>67</xdr:col>
      <xdr:colOff>101600</xdr:colOff>
      <xdr:row>99</xdr:row>
      <xdr:rowOff>64024</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2763500" y="16935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55151</xdr:rowOff>
    </xdr:from>
    <xdr:ext cx="534377"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547111" y="17028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68927</xdr:rowOff>
    </xdr:from>
    <xdr:ext cx="59541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692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130827</xdr:rowOff>
    </xdr:from>
    <xdr:ext cx="59541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692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92727</xdr:rowOff>
    </xdr:from>
    <xdr:ext cx="59541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692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a:extLst>
            <a:ext uri="{FF2B5EF4-FFF2-40B4-BE49-F238E27FC236}">
              <a16:creationId xmlns:a16="http://schemas.microsoft.com/office/drawing/2014/main" id="{00000000-0008-0000-07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6500</xdr:rowOff>
    </xdr:from>
    <xdr:to>
      <xdr:col>116</xdr:col>
      <xdr:colOff>62864</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flipV="1">
          <a:off x="22159595" y="5361450"/>
          <a:ext cx="1269" cy="136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5186</xdr:rowOff>
    </xdr:from>
    <xdr:ext cx="249299" cy="259045"/>
    <xdr:sp macro="" textlink="">
      <xdr:nvSpPr>
        <xdr:cNvPr id="743" name="諸支出金最小値テキスト">
          <a:extLst>
            <a:ext uri="{FF2B5EF4-FFF2-40B4-BE49-F238E27FC236}">
              <a16:creationId xmlns:a16="http://schemas.microsoft.com/office/drawing/2014/main" id="{00000000-0008-0000-0700-0000E7020000}"/>
            </a:ext>
          </a:extLst>
        </xdr:cNvPr>
        <xdr:cNvSpPr txBox="1"/>
      </xdr:nvSpPr>
      <xdr:spPr>
        <a:xfrm>
          <a:off x="22212300" y="6771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4627</xdr:rowOff>
    </xdr:from>
    <xdr:ext cx="599010" cy="259045"/>
    <xdr:sp macro="" textlink="">
      <xdr:nvSpPr>
        <xdr:cNvPr id="745" name="諸支出金最大値テキスト">
          <a:extLst>
            <a:ext uri="{FF2B5EF4-FFF2-40B4-BE49-F238E27FC236}">
              <a16:creationId xmlns:a16="http://schemas.microsoft.com/office/drawing/2014/main" id="{00000000-0008-0000-0700-0000E9020000}"/>
            </a:ext>
          </a:extLst>
        </xdr:cNvPr>
        <xdr:cNvSpPr txBox="1"/>
      </xdr:nvSpPr>
      <xdr:spPr>
        <a:xfrm>
          <a:off x="22212300" y="5136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6500</xdr:rowOff>
    </xdr:from>
    <xdr:to>
      <xdr:col>116</xdr:col>
      <xdr:colOff>152400</xdr:colOff>
      <xdr:row>31</xdr:row>
      <xdr:rowOff>465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53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636</xdr:rowOff>
    </xdr:from>
    <xdr:ext cx="469744" cy="259045"/>
    <xdr:sp macro="" textlink="">
      <xdr:nvSpPr>
        <xdr:cNvPr id="748" name="諸支出金平均値テキスト">
          <a:extLst>
            <a:ext uri="{FF2B5EF4-FFF2-40B4-BE49-F238E27FC236}">
              <a16:creationId xmlns:a16="http://schemas.microsoft.com/office/drawing/2014/main" id="{00000000-0008-0000-0700-0000EC020000}"/>
            </a:ext>
          </a:extLst>
        </xdr:cNvPr>
        <xdr:cNvSpPr txBox="1"/>
      </xdr:nvSpPr>
      <xdr:spPr>
        <a:xfrm>
          <a:off x="22212300" y="6517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09</xdr:rowOff>
    </xdr:from>
    <xdr:to>
      <xdr:col>116</xdr:col>
      <xdr:colOff>114300</xdr:colOff>
      <xdr:row>39</xdr:row>
      <xdr:rowOff>81359</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2110700" y="666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2733</xdr:rowOff>
    </xdr:from>
    <xdr:to>
      <xdr:col>112</xdr:col>
      <xdr:colOff>38100</xdr:colOff>
      <xdr:row>39</xdr:row>
      <xdr:rowOff>82883</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1272500" y="666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99410</xdr:rowOff>
    </xdr:from>
    <xdr:ext cx="469744"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088428" y="6443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6032</xdr:rowOff>
    </xdr:from>
    <xdr:to>
      <xdr:col>107</xdr:col>
      <xdr:colOff>101600</xdr:colOff>
      <xdr:row>39</xdr:row>
      <xdr:rowOff>86182</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0383500" y="667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02709</xdr:rowOff>
    </xdr:from>
    <xdr:ext cx="469744"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0199428" y="6446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2486</xdr:rowOff>
    </xdr:from>
    <xdr:to>
      <xdr:col>102</xdr:col>
      <xdr:colOff>165100</xdr:colOff>
      <xdr:row>39</xdr:row>
      <xdr:rowOff>92636</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9494500" y="6677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9163</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6017" y="64528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2387</xdr:rowOff>
    </xdr:from>
    <xdr:to>
      <xdr:col>98</xdr:col>
      <xdr:colOff>38100</xdr:colOff>
      <xdr:row>39</xdr:row>
      <xdr:rowOff>92537</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8605500" y="667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09064</xdr:rowOff>
    </xdr:from>
    <xdr:ext cx="378565"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8467017" y="64527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9636</xdr:rowOff>
    </xdr:from>
    <xdr:ext cx="249299" cy="259045"/>
    <xdr:sp macro="" textlink="">
      <xdr:nvSpPr>
        <xdr:cNvPr id="767" name="諸支出金該当値テキスト">
          <a:extLst>
            <a:ext uri="{FF2B5EF4-FFF2-40B4-BE49-F238E27FC236}">
              <a16:creationId xmlns:a16="http://schemas.microsoft.com/office/drawing/2014/main" id="{00000000-0008-0000-0700-0000FF020000}"/>
            </a:ext>
          </a:extLst>
        </xdr:cNvPr>
        <xdr:cNvSpPr txBox="1"/>
      </xdr:nvSpPr>
      <xdr:spPr>
        <a:xfrm>
          <a:off x="22212300" y="6644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a:extLst>
            <a:ext uri="{FF2B5EF4-FFF2-40B4-BE49-F238E27FC236}">
              <a16:creationId xmlns:a16="http://schemas.microsoft.com/office/drawing/2014/main" id="{00000000-0008-0000-0700-000018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a:extLst>
            <a:ext uri="{FF2B5EF4-FFF2-40B4-BE49-F238E27FC236}">
              <a16:creationId xmlns:a16="http://schemas.microsoft.com/office/drawing/2014/main" id="{00000000-0008-0000-0700-00001A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a:extLst>
            <a:ext uri="{FF2B5EF4-FFF2-40B4-BE49-F238E27FC236}">
              <a16:creationId xmlns:a16="http://schemas.microsoft.com/office/drawing/2014/main" id="{00000000-0008-0000-0700-00001D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a:extLst>
            <a:ext uri="{FF2B5EF4-FFF2-40B4-BE49-F238E27FC236}">
              <a16:creationId xmlns:a16="http://schemas.microsoft.com/office/drawing/2014/main" id="{00000000-0008-0000-0700-000030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a:extLst>
            <a:ext uri="{FF2B5EF4-FFF2-40B4-BE49-F238E27FC236}">
              <a16:creationId xmlns:a16="http://schemas.microsoft.com/office/drawing/2014/main" id="{00000000-0008-0000-0700-00003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目的別歳出の状況では、労働費、消防費、農林水産業費、商工費、土木費、災害復旧費において類似団体平均値を上回っているが、その他の項目においてはすべて平均値を下回っている。奥多摩町の行政面積は東京都の面積の約</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分の</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に及び、その</a:t>
          </a:r>
          <a:r>
            <a:rPr kumimoji="1" lang="en-US" altLang="ja-JP" sz="1300">
              <a:latin typeface="ＭＳ Ｐゴシック" panose="020B0600070205080204" pitchFamily="50" charset="-128"/>
              <a:ea typeface="ＭＳ Ｐゴシック" panose="020B0600070205080204" pitchFamily="50" charset="-128"/>
            </a:rPr>
            <a:t>94</a:t>
          </a:r>
          <a:r>
            <a:rPr kumimoji="1" lang="ja-JP" altLang="en-US" sz="1300">
              <a:latin typeface="ＭＳ Ｐゴシック" panose="020B0600070205080204" pitchFamily="50" charset="-128"/>
              <a:ea typeface="ＭＳ Ｐゴシック" panose="020B0600070205080204" pitchFamily="50" charset="-128"/>
            </a:rPr>
            <a:t>％が山林であり、急峻な地形に集落が点在しているため、町が様々な事務事業を実施するうえでの行政コストが割高となる。ただ、類似団体グループ（人口</a:t>
          </a:r>
          <a:r>
            <a:rPr kumimoji="1" lang="en-US" altLang="ja-JP" sz="1300">
              <a:latin typeface="ＭＳ Ｐゴシック" panose="020B0600070205080204" pitchFamily="50" charset="-128"/>
              <a:ea typeface="ＭＳ Ｐゴシック" panose="020B0600070205080204" pitchFamily="50" charset="-128"/>
            </a:rPr>
            <a:t>5,000</a:t>
          </a:r>
          <a:r>
            <a:rPr kumimoji="1" lang="ja-JP" altLang="en-US" sz="1300">
              <a:latin typeface="ＭＳ Ｐゴシック" panose="020B0600070205080204" pitchFamily="50" charset="-128"/>
              <a:ea typeface="ＭＳ Ｐゴシック" panose="020B0600070205080204" pitchFamily="50" charset="-128"/>
            </a:rPr>
            <a:t>人未満）内においては人口が多く、平均値は低く出ていると考えられる。農林水産業費では、林道の開設・改良事業の実施及び森林再生（間伐）・枝打ち事業の実施に伴い林業費が高くなっていること、商工費では、新型コロナウイルス感染症の影響を受ける住民や、町内事業者への支援事業を行ったことにより高くなっていること、土木費では、若者定住化対策としての若者住宅等建設事業の実施のほか、下水道整備に伴う起債の償還に多額の費用がかかり、その財源として一般会計からの繰出金に頼らざるを得ないことなどが高い要因となっている。災害復旧費では、前年度より減少しているが、引き続き令和元年台風第</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号災害復旧事業を実施したことにより、高く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奥多摩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については、決算剰余金の</a:t>
          </a:r>
          <a:r>
            <a:rPr kumimoji="1" lang="en-US" altLang="ja-JP" sz="1400">
              <a:latin typeface="ＭＳ ゴシック" pitchFamily="49" charset="-128"/>
              <a:ea typeface="ＭＳ ゴシック" pitchFamily="49" charset="-128"/>
            </a:rPr>
            <a:t>1/2</a:t>
          </a:r>
          <a:r>
            <a:rPr kumimoji="1" lang="ja-JP" altLang="en-US" sz="1400">
              <a:latin typeface="ＭＳ ゴシック" pitchFamily="49" charset="-128"/>
              <a:ea typeface="ＭＳ ゴシック" pitchFamily="49" charset="-128"/>
            </a:rPr>
            <a:t>以上を積み立てることにより、標準財政規模比</a:t>
          </a:r>
          <a:r>
            <a:rPr kumimoji="1" lang="en-US" altLang="ja-JP" sz="1400">
              <a:latin typeface="ＭＳ ゴシック" pitchFamily="49" charset="-128"/>
              <a:ea typeface="ＭＳ ゴシック" pitchFamily="49" charset="-128"/>
            </a:rPr>
            <a:t>65.04</a:t>
          </a:r>
          <a:r>
            <a:rPr kumimoji="1" lang="ja-JP" altLang="en-US" sz="1400">
              <a:latin typeface="ＭＳ ゴシック" pitchFamily="49" charset="-128"/>
              <a:ea typeface="ＭＳ ゴシック" pitchFamily="49" charset="-128"/>
            </a:rPr>
            <a:t>％、対前年度比で</a:t>
          </a:r>
          <a:r>
            <a:rPr kumimoji="1" lang="en-US" altLang="ja-JP" sz="1400">
              <a:latin typeface="ＭＳ ゴシック" pitchFamily="49" charset="-128"/>
              <a:ea typeface="ＭＳ ゴシック" pitchFamily="49" charset="-128"/>
            </a:rPr>
            <a:t>4.46</a:t>
          </a:r>
          <a:r>
            <a:rPr kumimoji="1" lang="ja-JP" altLang="en-US" sz="1400">
              <a:latin typeface="ＭＳ ゴシック" pitchFamily="49" charset="-128"/>
              <a:ea typeface="ＭＳ ゴシック" pitchFamily="49" charset="-128"/>
            </a:rPr>
            <a:t>ポイントの上昇となり、今後の人口減少に伴う町税収入の減や老朽化施設の更新費用の増などに伴う将来負担への備えとして、確実に積み立てを行っている。</a:t>
          </a:r>
        </a:p>
        <a:p>
          <a:r>
            <a:rPr kumimoji="1" lang="ja-JP" altLang="en-US" sz="1400">
              <a:latin typeface="ＭＳ ゴシック" pitchFamily="49" charset="-128"/>
              <a:ea typeface="ＭＳ ゴシック" pitchFamily="49" charset="-128"/>
            </a:rPr>
            <a:t>　実質収支比率については、</a:t>
          </a:r>
          <a:r>
            <a:rPr kumimoji="1" lang="en-US" altLang="ja-JP" sz="1400">
              <a:latin typeface="ＭＳ ゴシック" pitchFamily="49" charset="-128"/>
              <a:ea typeface="ＭＳ ゴシック" pitchFamily="49" charset="-128"/>
            </a:rPr>
            <a:t>8.58</a:t>
          </a:r>
          <a:r>
            <a:rPr kumimoji="1" lang="ja-JP" altLang="en-US" sz="1400">
              <a:latin typeface="ＭＳ ゴシック" pitchFamily="49" charset="-128"/>
              <a:ea typeface="ＭＳ ゴシック" pitchFamily="49" charset="-128"/>
            </a:rPr>
            <a:t>％と対前年度比で</a:t>
          </a:r>
          <a:r>
            <a:rPr kumimoji="1" lang="en-US" altLang="ja-JP" sz="1400">
              <a:latin typeface="ＭＳ ゴシック" pitchFamily="49" charset="-128"/>
              <a:ea typeface="ＭＳ ゴシック" pitchFamily="49" charset="-128"/>
            </a:rPr>
            <a:t>5.17</a:t>
          </a:r>
          <a:r>
            <a:rPr kumimoji="1" lang="ja-JP" altLang="en-US" sz="1400">
              <a:latin typeface="ＭＳ ゴシック" pitchFamily="49" charset="-128"/>
              <a:ea typeface="ＭＳ ゴシック" pitchFamily="49" charset="-128"/>
            </a:rPr>
            <a:t>ポイント減少した。一般的には、概ね</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から</a:t>
          </a:r>
          <a:r>
            <a:rPr kumimoji="1" lang="en-US" altLang="ja-JP" sz="1400">
              <a:latin typeface="ＭＳ ゴシック" pitchFamily="49" charset="-128"/>
              <a:ea typeface="ＭＳ ゴシック" pitchFamily="49" charset="-128"/>
            </a:rPr>
            <a:t>5</a:t>
          </a:r>
          <a:r>
            <a:rPr kumimoji="1" lang="ja-JP" altLang="en-US" sz="1400">
              <a:latin typeface="ＭＳ ゴシック" pitchFamily="49" charset="-128"/>
              <a:ea typeface="ＭＳ ゴシック" pitchFamily="49" charset="-128"/>
            </a:rPr>
            <a:t>％が望ましいとされており、今後も健全な行財政運営に努め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奥多摩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現状において、連結実質赤字比率は、各会計とも黒字となっており、大きな問題はないと考えるが、特に国民健康保険特別会計及び下水道事業特別会計は、一般会計からの繰出金に依存している状況が続いているため、引き続き保険税・使用料の適正化を図り、一般会計からの繰出金の抑制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1</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2</v>
      </c>
      <c r="C2" s="182"/>
      <c r="D2" s="183"/>
    </row>
    <row r="3" spans="1:119" ht="18.75" customHeight="1" thickBot="1" x14ac:dyDescent="0.25">
      <c r="A3" s="181"/>
      <c r="B3" s="592" t="s">
        <v>83</v>
      </c>
      <c r="C3" s="593"/>
      <c r="D3" s="593"/>
      <c r="E3" s="594"/>
      <c r="F3" s="594"/>
      <c r="G3" s="594"/>
      <c r="H3" s="594"/>
      <c r="I3" s="594"/>
      <c r="J3" s="594"/>
      <c r="K3" s="594"/>
      <c r="L3" s="594" t="s">
        <v>84</v>
      </c>
      <c r="M3" s="594"/>
      <c r="N3" s="594"/>
      <c r="O3" s="594"/>
      <c r="P3" s="594"/>
      <c r="Q3" s="594"/>
      <c r="R3" s="597"/>
      <c r="S3" s="597"/>
      <c r="T3" s="597"/>
      <c r="U3" s="597"/>
      <c r="V3" s="598"/>
      <c r="W3" s="488" t="s">
        <v>85</v>
      </c>
      <c r="X3" s="489"/>
      <c r="Y3" s="489"/>
      <c r="Z3" s="489"/>
      <c r="AA3" s="489"/>
      <c r="AB3" s="593"/>
      <c r="AC3" s="597" t="s">
        <v>86</v>
      </c>
      <c r="AD3" s="489"/>
      <c r="AE3" s="489"/>
      <c r="AF3" s="489"/>
      <c r="AG3" s="489"/>
      <c r="AH3" s="489"/>
      <c r="AI3" s="489"/>
      <c r="AJ3" s="489"/>
      <c r="AK3" s="489"/>
      <c r="AL3" s="559"/>
      <c r="AM3" s="488" t="s">
        <v>87</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8</v>
      </c>
      <c r="BO3" s="489"/>
      <c r="BP3" s="489"/>
      <c r="BQ3" s="489"/>
      <c r="BR3" s="489"/>
      <c r="BS3" s="489"/>
      <c r="BT3" s="489"/>
      <c r="BU3" s="559"/>
      <c r="BV3" s="488" t="s">
        <v>89</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0</v>
      </c>
      <c r="CU3" s="489"/>
      <c r="CV3" s="489"/>
      <c r="CW3" s="489"/>
      <c r="CX3" s="489"/>
      <c r="CY3" s="489"/>
      <c r="CZ3" s="489"/>
      <c r="DA3" s="559"/>
      <c r="DB3" s="488" t="s">
        <v>91</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2</v>
      </c>
      <c r="AZ4" s="446"/>
      <c r="BA4" s="446"/>
      <c r="BB4" s="446"/>
      <c r="BC4" s="446"/>
      <c r="BD4" s="446"/>
      <c r="BE4" s="446"/>
      <c r="BF4" s="446"/>
      <c r="BG4" s="446"/>
      <c r="BH4" s="446"/>
      <c r="BI4" s="446"/>
      <c r="BJ4" s="446"/>
      <c r="BK4" s="446"/>
      <c r="BL4" s="446"/>
      <c r="BM4" s="447"/>
      <c r="BN4" s="448">
        <v>7652031</v>
      </c>
      <c r="BO4" s="449"/>
      <c r="BP4" s="449"/>
      <c r="BQ4" s="449"/>
      <c r="BR4" s="449"/>
      <c r="BS4" s="449"/>
      <c r="BT4" s="449"/>
      <c r="BU4" s="450"/>
      <c r="BV4" s="448">
        <v>7529279</v>
      </c>
      <c r="BW4" s="449"/>
      <c r="BX4" s="449"/>
      <c r="BY4" s="449"/>
      <c r="BZ4" s="449"/>
      <c r="CA4" s="449"/>
      <c r="CB4" s="449"/>
      <c r="CC4" s="450"/>
      <c r="CD4" s="585" t="s">
        <v>93</v>
      </c>
      <c r="CE4" s="586"/>
      <c r="CF4" s="586"/>
      <c r="CG4" s="586"/>
      <c r="CH4" s="586"/>
      <c r="CI4" s="586"/>
      <c r="CJ4" s="586"/>
      <c r="CK4" s="586"/>
      <c r="CL4" s="586"/>
      <c r="CM4" s="586"/>
      <c r="CN4" s="586"/>
      <c r="CO4" s="586"/>
      <c r="CP4" s="586"/>
      <c r="CQ4" s="586"/>
      <c r="CR4" s="586"/>
      <c r="CS4" s="587"/>
      <c r="CT4" s="588">
        <v>8.6</v>
      </c>
      <c r="CU4" s="589"/>
      <c r="CV4" s="589"/>
      <c r="CW4" s="589"/>
      <c r="CX4" s="589"/>
      <c r="CY4" s="589"/>
      <c r="CZ4" s="589"/>
      <c r="DA4" s="590"/>
      <c r="DB4" s="588">
        <v>13.7</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4</v>
      </c>
      <c r="AN5" s="376"/>
      <c r="AO5" s="376"/>
      <c r="AP5" s="376"/>
      <c r="AQ5" s="376"/>
      <c r="AR5" s="376"/>
      <c r="AS5" s="376"/>
      <c r="AT5" s="377"/>
      <c r="AU5" s="477" t="s">
        <v>95</v>
      </c>
      <c r="AV5" s="478"/>
      <c r="AW5" s="478"/>
      <c r="AX5" s="478"/>
      <c r="AY5" s="433" t="s">
        <v>96</v>
      </c>
      <c r="AZ5" s="434"/>
      <c r="BA5" s="434"/>
      <c r="BB5" s="434"/>
      <c r="BC5" s="434"/>
      <c r="BD5" s="434"/>
      <c r="BE5" s="434"/>
      <c r="BF5" s="434"/>
      <c r="BG5" s="434"/>
      <c r="BH5" s="434"/>
      <c r="BI5" s="434"/>
      <c r="BJ5" s="434"/>
      <c r="BK5" s="434"/>
      <c r="BL5" s="434"/>
      <c r="BM5" s="435"/>
      <c r="BN5" s="419">
        <v>7356246</v>
      </c>
      <c r="BO5" s="420"/>
      <c r="BP5" s="420"/>
      <c r="BQ5" s="420"/>
      <c r="BR5" s="420"/>
      <c r="BS5" s="420"/>
      <c r="BT5" s="420"/>
      <c r="BU5" s="421"/>
      <c r="BV5" s="419">
        <v>7128989</v>
      </c>
      <c r="BW5" s="420"/>
      <c r="BX5" s="420"/>
      <c r="BY5" s="420"/>
      <c r="BZ5" s="420"/>
      <c r="CA5" s="420"/>
      <c r="CB5" s="420"/>
      <c r="CC5" s="421"/>
      <c r="CD5" s="459" t="s">
        <v>97</v>
      </c>
      <c r="CE5" s="379"/>
      <c r="CF5" s="379"/>
      <c r="CG5" s="379"/>
      <c r="CH5" s="379"/>
      <c r="CI5" s="379"/>
      <c r="CJ5" s="379"/>
      <c r="CK5" s="379"/>
      <c r="CL5" s="379"/>
      <c r="CM5" s="379"/>
      <c r="CN5" s="379"/>
      <c r="CO5" s="379"/>
      <c r="CP5" s="379"/>
      <c r="CQ5" s="379"/>
      <c r="CR5" s="379"/>
      <c r="CS5" s="460"/>
      <c r="CT5" s="416">
        <v>72.8</v>
      </c>
      <c r="CU5" s="417"/>
      <c r="CV5" s="417"/>
      <c r="CW5" s="417"/>
      <c r="CX5" s="417"/>
      <c r="CY5" s="417"/>
      <c r="CZ5" s="417"/>
      <c r="DA5" s="418"/>
      <c r="DB5" s="416">
        <v>72.400000000000006</v>
      </c>
      <c r="DC5" s="417"/>
      <c r="DD5" s="417"/>
      <c r="DE5" s="417"/>
      <c r="DF5" s="417"/>
      <c r="DG5" s="417"/>
      <c r="DH5" s="417"/>
      <c r="DI5" s="418"/>
    </row>
    <row r="6" spans="1:119" ht="18.75" customHeight="1" x14ac:dyDescent="0.2">
      <c r="A6" s="181"/>
      <c r="B6" s="565" t="s">
        <v>98</v>
      </c>
      <c r="C6" s="406"/>
      <c r="D6" s="406"/>
      <c r="E6" s="566"/>
      <c r="F6" s="566"/>
      <c r="G6" s="566"/>
      <c r="H6" s="566"/>
      <c r="I6" s="566"/>
      <c r="J6" s="566"/>
      <c r="K6" s="566"/>
      <c r="L6" s="566" t="s">
        <v>99</v>
      </c>
      <c r="M6" s="566"/>
      <c r="N6" s="566"/>
      <c r="O6" s="566"/>
      <c r="P6" s="566"/>
      <c r="Q6" s="566"/>
      <c r="R6" s="404"/>
      <c r="S6" s="404"/>
      <c r="T6" s="404"/>
      <c r="U6" s="404"/>
      <c r="V6" s="572"/>
      <c r="W6" s="509" t="s">
        <v>100</v>
      </c>
      <c r="X6" s="405"/>
      <c r="Y6" s="405"/>
      <c r="Z6" s="405"/>
      <c r="AA6" s="405"/>
      <c r="AB6" s="406"/>
      <c r="AC6" s="577" t="s">
        <v>101</v>
      </c>
      <c r="AD6" s="578"/>
      <c r="AE6" s="578"/>
      <c r="AF6" s="578"/>
      <c r="AG6" s="578"/>
      <c r="AH6" s="578"/>
      <c r="AI6" s="578"/>
      <c r="AJ6" s="578"/>
      <c r="AK6" s="578"/>
      <c r="AL6" s="579"/>
      <c r="AM6" s="476" t="s">
        <v>102</v>
      </c>
      <c r="AN6" s="376"/>
      <c r="AO6" s="376"/>
      <c r="AP6" s="376"/>
      <c r="AQ6" s="376"/>
      <c r="AR6" s="376"/>
      <c r="AS6" s="376"/>
      <c r="AT6" s="377"/>
      <c r="AU6" s="477" t="s">
        <v>95</v>
      </c>
      <c r="AV6" s="478"/>
      <c r="AW6" s="478"/>
      <c r="AX6" s="478"/>
      <c r="AY6" s="433" t="s">
        <v>103</v>
      </c>
      <c r="AZ6" s="434"/>
      <c r="BA6" s="434"/>
      <c r="BB6" s="434"/>
      <c r="BC6" s="434"/>
      <c r="BD6" s="434"/>
      <c r="BE6" s="434"/>
      <c r="BF6" s="434"/>
      <c r="BG6" s="434"/>
      <c r="BH6" s="434"/>
      <c r="BI6" s="434"/>
      <c r="BJ6" s="434"/>
      <c r="BK6" s="434"/>
      <c r="BL6" s="434"/>
      <c r="BM6" s="435"/>
      <c r="BN6" s="419">
        <v>295785</v>
      </c>
      <c r="BO6" s="420"/>
      <c r="BP6" s="420"/>
      <c r="BQ6" s="420"/>
      <c r="BR6" s="420"/>
      <c r="BS6" s="420"/>
      <c r="BT6" s="420"/>
      <c r="BU6" s="421"/>
      <c r="BV6" s="419">
        <v>400290</v>
      </c>
      <c r="BW6" s="420"/>
      <c r="BX6" s="420"/>
      <c r="BY6" s="420"/>
      <c r="BZ6" s="420"/>
      <c r="CA6" s="420"/>
      <c r="CB6" s="420"/>
      <c r="CC6" s="421"/>
      <c r="CD6" s="459" t="s">
        <v>104</v>
      </c>
      <c r="CE6" s="379"/>
      <c r="CF6" s="379"/>
      <c r="CG6" s="379"/>
      <c r="CH6" s="379"/>
      <c r="CI6" s="379"/>
      <c r="CJ6" s="379"/>
      <c r="CK6" s="379"/>
      <c r="CL6" s="379"/>
      <c r="CM6" s="379"/>
      <c r="CN6" s="379"/>
      <c r="CO6" s="379"/>
      <c r="CP6" s="379"/>
      <c r="CQ6" s="379"/>
      <c r="CR6" s="379"/>
      <c r="CS6" s="460"/>
      <c r="CT6" s="562">
        <v>73.599999999999994</v>
      </c>
      <c r="CU6" s="563"/>
      <c r="CV6" s="563"/>
      <c r="CW6" s="563"/>
      <c r="CX6" s="563"/>
      <c r="CY6" s="563"/>
      <c r="CZ6" s="563"/>
      <c r="DA6" s="564"/>
      <c r="DB6" s="562">
        <v>74.099999999999994</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5</v>
      </c>
      <c r="AN7" s="376"/>
      <c r="AO7" s="376"/>
      <c r="AP7" s="376"/>
      <c r="AQ7" s="376"/>
      <c r="AR7" s="376"/>
      <c r="AS7" s="376"/>
      <c r="AT7" s="377"/>
      <c r="AU7" s="477" t="s">
        <v>106</v>
      </c>
      <c r="AV7" s="478"/>
      <c r="AW7" s="478"/>
      <c r="AX7" s="478"/>
      <c r="AY7" s="433" t="s">
        <v>107</v>
      </c>
      <c r="AZ7" s="434"/>
      <c r="BA7" s="434"/>
      <c r="BB7" s="434"/>
      <c r="BC7" s="434"/>
      <c r="BD7" s="434"/>
      <c r="BE7" s="434"/>
      <c r="BF7" s="434"/>
      <c r="BG7" s="434"/>
      <c r="BH7" s="434"/>
      <c r="BI7" s="434"/>
      <c r="BJ7" s="434"/>
      <c r="BK7" s="434"/>
      <c r="BL7" s="434"/>
      <c r="BM7" s="435"/>
      <c r="BN7" s="419">
        <v>53030</v>
      </c>
      <c r="BO7" s="420"/>
      <c r="BP7" s="420"/>
      <c r="BQ7" s="420"/>
      <c r="BR7" s="420"/>
      <c r="BS7" s="420"/>
      <c r="BT7" s="420"/>
      <c r="BU7" s="421"/>
      <c r="BV7" s="419">
        <v>0</v>
      </c>
      <c r="BW7" s="420"/>
      <c r="BX7" s="420"/>
      <c r="BY7" s="420"/>
      <c r="BZ7" s="420"/>
      <c r="CA7" s="420"/>
      <c r="CB7" s="420"/>
      <c r="CC7" s="421"/>
      <c r="CD7" s="459" t="s">
        <v>108</v>
      </c>
      <c r="CE7" s="379"/>
      <c r="CF7" s="379"/>
      <c r="CG7" s="379"/>
      <c r="CH7" s="379"/>
      <c r="CI7" s="379"/>
      <c r="CJ7" s="379"/>
      <c r="CK7" s="379"/>
      <c r="CL7" s="379"/>
      <c r="CM7" s="379"/>
      <c r="CN7" s="379"/>
      <c r="CO7" s="379"/>
      <c r="CP7" s="379"/>
      <c r="CQ7" s="379"/>
      <c r="CR7" s="379"/>
      <c r="CS7" s="460"/>
      <c r="CT7" s="419">
        <v>2828157</v>
      </c>
      <c r="CU7" s="420"/>
      <c r="CV7" s="420"/>
      <c r="CW7" s="420"/>
      <c r="CX7" s="420"/>
      <c r="CY7" s="420"/>
      <c r="CZ7" s="420"/>
      <c r="DA7" s="421"/>
      <c r="DB7" s="419">
        <v>2911266</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09</v>
      </c>
      <c r="AN8" s="376"/>
      <c r="AO8" s="376"/>
      <c r="AP8" s="376"/>
      <c r="AQ8" s="376"/>
      <c r="AR8" s="376"/>
      <c r="AS8" s="376"/>
      <c r="AT8" s="377"/>
      <c r="AU8" s="477" t="s">
        <v>110</v>
      </c>
      <c r="AV8" s="478"/>
      <c r="AW8" s="478"/>
      <c r="AX8" s="478"/>
      <c r="AY8" s="433" t="s">
        <v>111</v>
      </c>
      <c r="AZ8" s="434"/>
      <c r="BA8" s="434"/>
      <c r="BB8" s="434"/>
      <c r="BC8" s="434"/>
      <c r="BD8" s="434"/>
      <c r="BE8" s="434"/>
      <c r="BF8" s="434"/>
      <c r="BG8" s="434"/>
      <c r="BH8" s="434"/>
      <c r="BI8" s="434"/>
      <c r="BJ8" s="434"/>
      <c r="BK8" s="434"/>
      <c r="BL8" s="434"/>
      <c r="BM8" s="435"/>
      <c r="BN8" s="419">
        <v>242755</v>
      </c>
      <c r="BO8" s="420"/>
      <c r="BP8" s="420"/>
      <c r="BQ8" s="420"/>
      <c r="BR8" s="420"/>
      <c r="BS8" s="420"/>
      <c r="BT8" s="420"/>
      <c r="BU8" s="421"/>
      <c r="BV8" s="419">
        <v>400290</v>
      </c>
      <c r="BW8" s="420"/>
      <c r="BX8" s="420"/>
      <c r="BY8" s="420"/>
      <c r="BZ8" s="420"/>
      <c r="CA8" s="420"/>
      <c r="CB8" s="420"/>
      <c r="CC8" s="421"/>
      <c r="CD8" s="459" t="s">
        <v>112</v>
      </c>
      <c r="CE8" s="379"/>
      <c r="CF8" s="379"/>
      <c r="CG8" s="379"/>
      <c r="CH8" s="379"/>
      <c r="CI8" s="379"/>
      <c r="CJ8" s="379"/>
      <c r="CK8" s="379"/>
      <c r="CL8" s="379"/>
      <c r="CM8" s="379"/>
      <c r="CN8" s="379"/>
      <c r="CO8" s="379"/>
      <c r="CP8" s="379"/>
      <c r="CQ8" s="379"/>
      <c r="CR8" s="379"/>
      <c r="CS8" s="460"/>
      <c r="CT8" s="522">
        <v>0.27</v>
      </c>
      <c r="CU8" s="523"/>
      <c r="CV8" s="523"/>
      <c r="CW8" s="523"/>
      <c r="CX8" s="523"/>
      <c r="CY8" s="523"/>
      <c r="CZ8" s="523"/>
      <c r="DA8" s="524"/>
      <c r="DB8" s="522">
        <v>0.28000000000000003</v>
      </c>
      <c r="DC8" s="523"/>
      <c r="DD8" s="523"/>
      <c r="DE8" s="523"/>
      <c r="DF8" s="523"/>
      <c r="DG8" s="523"/>
      <c r="DH8" s="523"/>
      <c r="DI8" s="524"/>
    </row>
    <row r="9" spans="1:119" ht="18.75" customHeight="1" thickBot="1" x14ac:dyDescent="0.25">
      <c r="A9" s="181"/>
      <c r="B9" s="551" t="s">
        <v>113</v>
      </c>
      <c r="C9" s="552"/>
      <c r="D9" s="552"/>
      <c r="E9" s="552"/>
      <c r="F9" s="552"/>
      <c r="G9" s="552"/>
      <c r="H9" s="552"/>
      <c r="I9" s="552"/>
      <c r="J9" s="552"/>
      <c r="K9" s="470"/>
      <c r="L9" s="553" t="s">
        <v>114</v>
      </c>
      <c r="M9" s="554"/>
      <c r="N9" s="554"/>
      <c r="O9" s="554"/>
      <c r="P9" s="554"/>
      <c r="Q9" s="555"/>
      <c r="R9" s="556">
        <v>4750</v>
      </c>
      <c r="S9" s="557"/>
      <c r="T9" s="557"/>
      <c r="U9" s="557"/>
      <c r="V9" s="558"/>
      <c r="W9" s="488" t="s">
        <v>115</v>
      </c>
      <c r="X9" s="489"/>
      <c r="Y9" s="489"/>
      <c r="Z9" s="489"/>
      <c r="AA9" s="489"/>
      <c r="AB9" s="489"/>
      <c r="AC9" s="489"/>
      <c r="AD9" s="489"/>
      <c r="AE9" s="489"/>
      <c r="AF9" s="489"/>
      <c r="AG9" s="489"/>
      <c r="AH9" s="489"/>
      <c r="AI9" s="489"/>
      <c r="AJ9" s="489"/>
      <c r="AK9" s="489"/>
      <c r="AL9" s="559"/>
      <c r="AM9" s="476" t="s">
        <v>116</v>
      </c>
      <c r="AN9" s="376"/>
      <c r="AO9" s="376"/>
      <c r="AP9" s="376"/>
      <c r="AQ9" s="376"/>
      <c r="AR9" s="376"/>
      <c r="AS9" s="376"/>
      <c r="AT9" s="377"/>
      <c r="AU9" s="477" t="s">
        <v>106</v>
      </c>
      <c r="AV9" s="478"/>
      <c r="AW9" s="478"/>
      <c r="AX9" s="478"/>
      <c r="AY9" s="433" t="s">
        <v>117</v>
      </c>
      <c r="AZ9" s="434"/>
      <c r="BA9" s="434"/>
      <c r="BB9" s="434"/>
      <c r="BC9" s="434"/>
      <c r="BD9" s="434"/>
      <c r="BE9" s="434"/>
      <c r="BF9" s="434"/>
      <c r="BG9" s="434"/>
      <c r="BH9" s="434"/>
      <c r="BI9" s="434"/>
      <c r="BJ9" s="434"/>
      <c r="BK9" s="434"/>
      <c r="BL9" s="434"/>
      <c r="BM9" s="435"/>
      <c r="BN9" s="419">
        <v>-157535</v>
      </c>
      <c r="BO9" s="420"/>
      <c r="BP9" s="420"/>
      <c r="BQ9" s="420"/>
      <c r="BR9" s="420"/>
      <c r="BS9" s="420"/>
      <c r="BT9" s="420"/>
      <c r="BU9" s="421"/>
      <c r="BV9" s="419">
        <v>147824</v>
      </c>
      <c r="BW9" s="420"/>
      <c r="BX9" s="420"/>
      <c r="BY9" s="420"/>
      <c r="BZ9" s="420"/>
      <c r="CA9" s="420"/>
      <c r="CB9" s="420"/>
      <c r="CC9" s="421"/>
      <c r="CD9" s="459" t="s">
        <v>118</v>
      </c>
      <c r="CE9" s="379"/>
      <c r="CF9" s="379"/>
      <c r="CG9" s="379"/>
      <c r="CH9" s="379"/>
      <c r="CI9" s="379"/>
      <c r="CJ9" s="379"/>
      <c r="CK9" s="379"/>
      <c r="CL9" s="379"/>
      <c r="CM9" s="379"/>
      <c r="CN9" s="379"/>
      <c r="CO9" s="379"/>
      <c r="CP9" s="379"/>
      <c r="CQ9" s="379"/>
      <c r="CR9" s="379"/>
      <c r="CS9" s="460"/>
      <c r="CT9" s="416">
        <v>5</v>
      </c>
      <c r="CU9" s="417"/>
      <c r="CV9" s="417"/>
      <c r="CW9" s="417"/>
      <c r="CX9" s="417"/>
      <c r="CY9" s="417"/>
      <c r="CZ9" s="417"/>
      <c r="DA9" s="418"/>
      <c r="DB9" s="416">
        <v>5.2</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19</v>
      </c>
      <c r="M10" s="376"/>
      <c r="N10" s="376"/>
      <c r="O10" s="376"/>
      <c r="P10" s="376"/>
      <c r="Q10" s="377"/>
      <c r="R10" s="372">
        <v>5234</v>
      </c>
      <c r="S10" s="373"/>
      <c r="T10" s="373"/>
      <c r="U10" s="373"/>
      <c r="V10" s="432"/>
      <c r="W10" s="560"/>
      <c r="X10" s="370"/>
      <c r="Y10" s="370"/>
      <c r="Z10" s="370"/>
      <c r="AA10" s="370"/>
      <c r="AB10" s="370"/>
      <c r="AC10" s="370"/>
      <c r="AD10" s="370"/>
      <c r="AE10" s="370"/>
      <c r="AF10" s="370"/>
      <c r="AG10" s="370"/>
      <c r="AH10" s="370"/>
      <c r="AI10" s="370"/>
      <c r="AJ10" s="370"/>
      <c r="AK10" s="370"/>
      <c r="AL10" s="561"/>
      <c r="AM10" s="476" t="s">
        <v>120</v>
      </c>
      <c r="AN10" s="376"/>
      <c r="AO10" s="376"/>
      <c r="AP10" s="376"/>
      <c r="AQ10" s="376"/>
      <c r="AR10" s="376"/>
      <c r="AS10" s="376"/>
      <c r="AT10" s="377"/>
      <c r="AU10" s="477" t="s">
        <v>121</v>
      </c>
      <c r="AV10" s="478"/>
      <c r="AW10" s="478"/>
      <c r="AX10" s="478"/>
      <c r="AY10" s="433" t="s">
        <v>122</v>
      </c>
      <c r="AZ10" s="434"/>
      <c r="BA10" s="434"/>
      <c r="BB10" s="434"/>
      <c r="BC10" s="434"/>
      <c r="BD10" s="434"/>
      <c r="BE10" s="434"/>
      <c r="BF10" s="434"/>
      <c r="BG10" s="434"/>
      <c r="BH10" s="434"/>
      <c r="BI10" s="434"/>
      <c r="BJ10" s="434"/>
      <c r="BK10" s="434"/>
      <c r="BL10" s="434"/>
      <c r="BM10" s="435"/>
      <c r="BN10" s="419">
        <v>195826</v>
      </c>
      <c r="BO10" s="420"/>
      <c r="BP10" s="420"/>
      <c r="BQ10" s="420"/>
      <c r="BR10" s="420"/>
      <c r="BS10" s="420"/>
      <c r="BT10" s="420"/>
      <c r="BU10" s="421"/>
      <c r="BV10" s="419">
        <v>142192</v>
      </c>
      <c r="BW10" s="420"/>
      <c r="BX10" s="420"/>
      <c r="BY10" s="420"/>
      <c r="BZ10" s="420"/>
      <c r="CA10" s="420"/>
      <c r="CB10" s="420"/>
      <c r="CC10" s="421"/>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4</v>
      </c>
      <c r="M11" s="381"/>
      <c r="N11" s="381"/>
      <c r="O11" s="381"/>
      <c r="P11" s="381"/>
      <c r="Q11" s="382"/>
      <c r="R11" s="548" t="s">
        <v>125</v>
      </c>
      <c r="S11" s="549"/>
      <c r="T11" s="549"/>
      <c r="U11" s="549"/>
      <c r="V11" s="550"/>
      <c r="W11" s="560"/>
      <c r="X11" s="370"/>
      <c r="Y11" s="370"/>
      <c r="Z11" s="370"/>
      <c r="AA11" s="370"/>
      <c r="AB11" s="370"/>
      <c r="AC11" s="370"/>
      <c r="AD11" s="370"/>
      <c r="AE11" s="370"/>
      <c r="AF11" s="370"/>
      <c r="AG11" s="370"/>
      <c r="AH11" s="370"/>
      <c r="AI11" s="370"/>
      <c r="AJ11" s="370"/>
      <c r="AK11" s="370"/>
      <c r="AL11" s="561"/>
      <c r="AM11" s="476" t="s">
        <v>126</v>
      </c>
      <c r="AN11" s="376"/>
      <c r="AO11" s="376"/>
      <c r="AP11" s="376"/>
      <c r="AQ11" s="376"/>
      <c r="AR11" s="376"/>
      <c r="AS11" s="376"/>
      <c r="AT11" s="377"/>
      <c r="AU11" s="477" t="s">
        <v>127</v>
      </c>
      <c r="AV11" s="478"/>
      <c r="AW11" s="478"/>
      <c r="AX11" s="478"/>
      <c r="AY11" s="433" t="s">
        <v>128</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9</v>
      </c>
      <c r="CE11" s="379"/>
      <c r="CF11" s="379"/>
      <c r="CG11" s="379"/>
      <c r="CH11" s="379"/>
      <c r="CI11" s="379"/>
      <c r="CJ11" s="379"/>
      <c r="CK11" s="379"/>
      <c r="CL11" s="379"/>
      <c r="CM11" s="379"/>
      <c r="CN11" s="379"/>
      <c r="CO11" s="379"/>
      <c r="CP11" s="379"/>
      <c r="CQ11" s="379"/>
      <c r="CR11" s="379"/>
      <c r="CS11" s="460"/>
      <c r="CT11" s="522" t="s">
        <v>130</v>
      </c>
      <c r="CU11" s="523"/>
      <c r="CV11" s="523"/>
      <c r="CW11" s="523"/>
      <c r="CX11" s="523"/>
      <c r="CY11" s="523"/>
      <c r="CZ11" s="523"/>
      <c r="DA11" s="524"/>
      <c r="DB11" s="522" t="s">
        <v>130</v>
      </c>
      <c r="DC11" s="523"/>
      <c r="DD11" s="523"/>
      <c r="DE11" s="523"/>
      <c r="DF11" s="523"/>
      <c r="DG11" s="523"/>
      <c r="DH11" s="523"/>
      <c r="DI11" s="524"/>
    </row>
    <row r="12" spans="1:119" ht="18.75" customHeight="1" x14ac:dyDescent="0.2">
      <c r="A12" s="181"/>
      <c r="B12" s="525" t="s">
        <v>131</v>
      </c>
      <c r="C12" s="526"/>
      <c r="D12" s="526"/>
      <c r="E12" s="526"/>
      <c r="F12" s="526"/>
      <c r="G12" s="526"/>
      <c r="H12" s="526"/>
      <c r="I12" s="526"/>
      <c r="J12" s="526"/>
      <c r="K12" s="527"/>
      <c r="L12" s="534" t="s">
        <v>132</v>
      </c>
      <c r="M12" s="535"/>
      <c r="N12" s="535"/>
      <c r="O12" s="535"/>
      <c r="P12" s="535"/>
      <c r="Q12" s="536"/>
      <c r="R12" s="537">
        <v>4746</v>
      </c>
      <c r="S12" s="538"/>
      <c r="T12" s="538"/>
      <c r="U12" s="538"/>
      <c r="V12" s="539"/>
      <c r="W12" s="540" t="s">
        <v>1</v>
      </c>
      <c r="X12" s="478"/>
      <c r="Y12" s="478"/>
      <c r="Z12" s="478"/>
      <c r="AA12" s="478"/>
      <c r="AB12" s="541"/>
      <c r="AC12" s="542" t="s">
        <v>133</v>
      </c>
      <c r="AD12" s="543"/>
      <c r="AE12" s="543"/>
      <c r="AF12" s="543"/>
      <c r="AG12" s="544"/>
      <c r="AH12" s="542" t="s">
        <v>134</v>
      </c>
      <c r="AI12" s="543"/>
      <c r="AJ12" s="543"/>
      <c r="AK12" s="543"/>
      <c r="AL12" s="545"/>
      <c r="AM12" s="476" t="s">
        <v>135</v>
      </c>
      <c r="AN12" s="376"/>
      <c r="AO12" s="376"/>
      <c r="AP12" s="376"/>
      <c r="AQ12" s="376"/>
      <c r="AR12" s="376"/>
      <c r="AS12" s="376"/>
      <c r="AT12" s="377"/>
      <c r="AU12" s="477" t="s">
        <v>106</v>
      </c>
      <c r="AV12" s="478"/>
      <c r="AW12" s="478"/>
      <c r="AX12" s="478"/>
      <c r="AY12" s="433" t="s">
        <v>136</v>
      </c>
      <c r="AZ12" s="434"/>
      <c r="BA12" s="434"/>
      <c r="BB12" s="434"/>
      <c r="BC12" s="434"/>
      <c r="BD12" s="434"/>
      <c r="BE12" s="434"/>
      <c r="BF12" s="434"/>
      <c r="BG12" s="434"/>
      <c r="BH12" s="434"/>
      <c r="BI12" s="434"/>
      <c r="BJ12" s="434"/>
      <c r="BK12" s="434"/>
      <c r="BL12" s="434"/>
      <c r="BM12" s="435"/>
      <c r="BN12" s="419">
        <v>120000</v>
      </c>
      <c r="BO12" s="420"/>
      <c r="BP12" s="420"/>
      <c r="BQ12" s="420"/>
      <c r="BR12" s="420"/>
      <c r="BS12" s="420"/>
      <c r="BT12" s="420"/>
      <c r="BU12" s="421"/>
      <c r="BV12" s="419">
        <v>0</v>
      </c>
      <c r="BW12" s="420"/>
      <c r="BX12" s="420"/>
      <c r="BY12" s="420"/>
      <c r="BZ12" s="420"/>
      <c r="CA12" s="420"/>
      <c r="CB12" s="420"/>
      <c r="CC12" s="421"/>
      <c r="CD12" s="459" t="s">
        <v>137</v>
      </c>
      <c r="CE12" s="379"/>
      <c r="CF12" s="379"/>
      <c r="CG12" s="379"/>
      <c r="CH12" s="379"/>
      <c r="CI12" s="379"/>
      <c r="CJ12" s="379"/>
      <c r="CK12" s="379"/>
      <c r="CL12" s="379"/>
      <c r="CM12" s="379"/>
      <c r="CN12" s="379"/>
      <c r="CO12" s="379"/>
      <c r="CP12" s="379"/>
      <c r="CQ12" s="379"/>
      <c r="CR12" s="379"/>
      <c r="CS12" s="460"/>
      <c r="CT12" s="522" t="s">
        <v>130</v>
      </c>
      <c r="CU12" s="523"/>
      <c r="CV12" s="523"/>
      <c r="CW12" s="523"/>
      <c r="CX12" s="523"/>
      <c r="CY12" s="523"/>
      <c r="CZ12" s="523"/>
      <c r="DA12" s="524"/>
      <c r="DB12" s="522" t="s">
        <v>130</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38</v>
      </c>
      <c r="N13" s="504"/>
      <c r="O13" s="504"/>
      <c r="P13" s="504"/>
      <c r="Q13" s="505"/>
      <c r="R13" s="506">
        <v>4685</v>
      </c>
      <c r="S13" s="507"/>
      <c r="T13" s="507"/>
      <c r="U13" s="507"/>
      <c r="V13" s="508"/>
      <c r="W13" s="509" t="s">
        <v>139</v>
      </c>
      <c r="X13" s="405"/>
      <c r="Y13" s="405"/>
      <c r="Z13" s="405"/>
      <c r="AA13" s="405"/>
      <c r="AB13" s="406"/>
      <c r="AC13" s="372">
        <v>68</v>
      </c>
      <c r="AD13" s="373"/>
      <c r="AE13" s="373"/>
      <c r="AF13" s="373"/>
      <c r="AG13" s="374"/>
      <c r="AH13" s="372">
        <v>81</v>
      </c>
      <c r="AI13" s="373"/>
      <c r="AJ13" s="373"/>
      <c r="AK13" s="373"/>
      <c r="AL13" s="432"/>
      <c r="AM13" s="476" t="s">
        <v>140</v>
      </c>
      <c r="AN13" s="376"/>
      <c r="AO13" s="376"/>
      <c r="AP13" s="376"/>
      <c r="AQ13" s="376"/>
      <c r="AR13" s="376"/>
      <c r="AS13" s="376"/>
      <c r="AT13" s="377"/>
      <c r="AU13" s="477" t="s">
        <v>141</v>
      </c>
      <c r="AV13" s="478"/>
      <c r="AW13" s="478"/>
      <c r="AX13" s="478"/>
      <c r="AY13" s="433" t="s">
        <v>142</v>
      </c>
      <c r="AZ13" s="434"/>
      <c r="BA13" s="434"/>
      <c r="BB13" s="434"/>
      <c r="BC13" s="434"/>
      <c r="BD13" s="434"/>
      <c r="BE13" s="434"/>
      <c r="BF13" s="434"/>
      <c r="BG13" s="434"/>
      <c r="BH13" s="434"/>
      <c r="BI13" s="434"/>
      <c r="BJ13" s="434"/>
      <c r="BK13" s="434"/>
      <c r="BL13" s="434"/>
      <c r="BM13" s="435"/>
      <c r="BN13" s="419">
        <v>-81709</v>
      </c>
      <c r="BO13" s="420"/>
      <c r="BP13" s="420"/>
      <c r="BQ13" s="420"/>
      <c r="BR13" s="420"/>
      <c r="BS13" s="420"/>
      <c r="BT13" s="420"/>
      <c r="BU13" s="421"/>
      <c r="BV13" s="419">
        <v>290016</v>
      </c>
      <c r="BW13" s="420"/>
      <c r="BX13" s="420"/>
      <c r="BY13" s="420"/>
      <c r="BZ13" s="420"/>
      <c r="CA13" s="420"/>
      <c r="CB13" s="420"/>
      <c r="CC13" s="421"/>
      <c r="CD13" s="459" t="s">
        <v>143</v>
      </c>
      <c r="CE13" s="379"/>
      <c r="CF13" s="379"/>
      <c r="CG13" s="379"/>
      <c r="CH13" s="379"/>
      <c r="CI13" s="379"/>
      <c r="CJ13" s="379"/>
      <c r="CK13" s="379"/>
      <c r="CL13" s="379"/>
      <c r="CM13" s="379"/>
      <c r="CN13" s="379"/>
      <c r="CO13" s="379"/>
      <c r="CP13" s="379"/>
      <c r="CQ13" s="379"/>
      <c r="CR13" s="379"/>
      <c r="CS13" s="460"/>
      <c r="CT13" s="416">
        <v>7.3</v>
      </c>
      <c r="CU13" s="417"/>
      <c r="CV13" s="417"/>
      <c r="CW13" s="417"/>
      <c r="CX13" s="417"/>
      <c r="CY13" s="417"/>
      <c r="CZ13" s="417"/>
      <c r="DA13" s="418"/>
      <c r="DB13" s="416">
        <v>7.3</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4</v>
      </c>
      <c r="M14" s="546"/>
      <c r="N14" s="546"/>
      <c r="O14" s="546"/>
      <c r="P14" s="546"/>
      <c r="Q14" s="547"/>
      <c r="R14" s="506">
        <v>4897</v>
      </c>
      <c r="S14" s="507"/>
      <c r="T14" s="507"/>
      <c r="U14" s="507"/>
      <c r="V14" s="508"/>
      <c r="W14" s="510"/>
      <c r="X14" s="408"/>
      <c r="Y14" s="408"/>
      <c r="Z14" s="408"/>
      <c r="AA14" s="408"/>
      <c r="AB14" s="409"/>
      <c r="AC14" s="499">
        <v>3.4</v>
      </c>
      <c r="AD14" s="500"/>
      <c r="AE14" s="500"/>
      <c r="AF14" s="500"/>
      <c r="AG14" s="501"/>
      <c r="AH14" s="499">
        <v>3.7</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5</v>
      </c>
      <c r="CE14" s="457"/>
      <c r="CF14" s="457"/>
      <c r="CG14" s="457"/>
      <c r="CH14" s="457"/>
      <c r="CI14" s="457"/>
      <c r="CJ14" s="457"/>
      <c r="CK14" s="457"/>
      <c r="CL14" s="457"/>
      <c r="CM14" s="457"/>
      <c r="CN14" s="457"/>
      <c r="CO14" s="457"/>
      <c r="CP14" s="457"/>
      <c r="CQ14" s="457"/>
      <c r="CR14" s="457"/>
      <c r="CS14" s="458"/>
      <c r="CT14" s="516" t="s">
        <v>130</v>
      </c>
      <c r="CU14" s="517"/>
      <c r="CV14" s="517"/>
      <c r="CW14" s="517"/>
      <c r="CX14" s="517"/>
      <c r="CY14" s="517"/>
      <c r="CZ14" s="517"/>
      <c r="DA14" s="518"/>
      <c r="DB14" s="516" t="s">
        <v>146</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38</v>
      </c>
      <c r="N15" s="504"/>
      <c r="O15" s="504"/>
      <c r="P15" s="504"/>
      <c r="Q15" s="505"/>
      <c r="R15" s="506">
        <v>4843</v>
      </c>
      <c r="S15" s="507"/>
      <c r="T15" s="507"/>
      <c r="U15" s="507"/>
      <c r="V15" s="508"/>
      <c r="W15" s="509" t="s">
        <v>147</v>
      </c>
      <c r="X15" s="405"/>
      <c r="Y15" s="405"/>
      <c r="Z15" s="405"/>
      <c r="AA15" s="405"/>
      <c r="AB15" s="406"/>
      <c r="AC15" s="372">
        <v>466</v>
      </c>
      <c r="AD15" s="373"/>
      <c r="AE15" s="373"/>
      <c r="AF15" s="373"/>
      <c r="AG15" s="374"/>
      <c r="AH15" s="372">
        <v>517</v>
      </c>
      <c r="AI15" s="373"/>
      <c r="AJ15" s="373"/>
      <c r="AK15" s="373"/>
      <c r="AL15" s="432"/>
      <c r="AM15" s="476"/>
      <c r="AN15" s="376"/>
      <c r="AO15" s="376"/>
      <c r="AP15" s="376"/>
      <c r="AQ15" s="376"/>
      <c r="AR15" s="376"/>
      <c r="AS15" s="376"/>
      <c r="AT15" s="377"/>
      <c r="AU15" s="477"/>
      <c r="AV15" s="478"/>
      <c r="AW15" s="478"/>
      <c r="AX15" s="478"/>
      <c r="AY15" s="445" t="s">
        <v>148</v>
      </c>
      <c r="AZ15" s="446"/>
      <c r="BA15" s="446"/>
      <c r="BB15" s="446"/>
      <c r="BC15" s="446"/>
      <c r="BD15" s="446"/>
      <c r="BE15" s="446"/>
      <c r="BF15" s="446"/>
      <c r="BG15" s="446"/>
      <c r="BH15" s="446"/>
      <c r="BI15" s="446"/>
      <c r="BJ15" s="446"/>
      <c r="BK15" s="446"/>
      <c r="BL15" s="446"/>
      <c r="BM15" s="447"/>
      <c r="BN15" s="448">
        <v>706159</v>
      </c>
      <c r="BO15" s="449"/>
      <c r="BP15" s="449"/>
      <c r="BQ15" s="449"/>
      <c r="BR15" s="449"/>
      <c r="BS15" s="449"/>
      <c r="BT15" s="449"/>
      <c r="BU15" s="450"/>
      <c r="BV15" s="448">
        <v>674482</v>
      </c>
      <c r="BW15" s="449"/>
      <c r="BX15" s="449"/>
      <c r="BY15" s="449"/>
      <c r="BZ15" s="449"/>
      <c r="CA15" s="449"/>
      <c r="CB15" s="449"/>
      <c r="CC15" s="450"/>
      <c r="CD15" s="519" t="s">
        <v>149</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0</v>
      </c>
      <c r="M16" s="494"/>
      <c r="N16" s="494"/>
      <c r="O16" s="494"/>
      <c r="P16" s="494"/>
      <c r="Q16" s="495"/>
      <c r="R16" s="496" t="s">
        <v>151</v>
      </c>
      <c r="S16" s="497"/>
      <c r="T16" s="497"/>
      <c r="U16" s="497"/>
      <c r="V16" s="498"/>
      <c r="W16" s="510"/>
      <c r="X16" s="408"/>
      <c r="Y16" s="408"/>
      <c r="Z16" s="408"/>
      <c r="AA16" s="408"/>
      <c r="AB16" s="409"/>
      <c r="AC16" s="499">
        <v>23.5</v>
      </c>
      <c r="AD16" s="500"/>
      <c r="AE16" s="500"/>
      <c r="AF16" s="500"/>
      <c r="AG16" s="501"/>
      <c r="AH16" s="499">
        <v>23.8</v>
      </c>
      <c r="AI16" s="500"/>
      <c r="AJ16" s="500"/>
      <c r="AK16" s="500"/>
      <c r="AL16" s="502"/>
      <c r="AM16" s="476"/>
      <c r="AN16" s="376"/>
      <c r="AO16" s="376"/>
      <c r="AP16" s="376"/>
      <c r="AQ16" s="376"/>
      <c r="AR16" s="376"/>
      <c r="AS16" s="376"/>
      <c r="AT16" s="377"/>
      <c r="AU16" s="477"/>
      <c r="AV16" s="478"/>
      <c r="AW16" s="478"/>
      <c r="AX16" s="478"/>
      <c r="AY16" s="433" t="s">
        <v>152</v>
      </c>
      <c r="AZ16" s="434"/>
      <c r="BA16" s="434"/>
      <c r="BB16" s="434"/>
      <c r="BC16" s="434"/>
      <c r="BD16" s="434"/>
      <c r="BE16" s="434"/>
      <c r="BF16" s="434"/>
      <c r="BG16" s="434"/>
      <c r="BH16" s="434"/>
      <c r="BI16" s="434"/>
      <c r="BJ16" s="434"/>
      <c r="BK16" s="434"/>
      <c r="BL16" s="434"/>
      <c r="BM16" s="435"/>
      <c r="BN16" s="419">
        <v>2621507</v>
      </c>
      <c r="BO16" s="420"/>
      <c r="BP16" s="420"/>
      <c r="BQ16" s="420"/>
      <c r="BR16" s="420"/>
      <c r="BS16" s="420"/>
      <c r="BT16" s="420"/>
      <c r="BU16" s="421"/>
      <c r="BV16" s="419">
        <v>2631792</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3</v>
      </c>
      <c r="N17" s="513"/>
      <c r="O17" s="513"/>
      <c r="P17" s="513"/>
      <c r="Q17" s="514"/>
      <c r="R17" s="496" t="s">
        <v>154</v>
      </c>
      <c r="S17" s="497"/>
      <c r="T17" s="497"/>
      <c r="U17" s="497"/>
      <c r="V17" s="498"/>
      <c r="W17" s="509" t="s">
        <v>155</v>
      </c>
      <c r="X17" s="405"/>
      <c r="Y17" s="405"/>
      <c r="Z17" s="405"/>
      <c r="AA17" s="405"/>
      <c r="AB17" s="406"/>
      <c r="AC17" s="372">
        <v>1448</v>
      </c>
      <c r="AD17" s="373"/>
      <c r="AE17" s="373"/>
      <c r="AF17" s="373"/>
      <c r="AG17" s="374"/>
      <c r="AH17" s="372">
        <v>1577</v>
      </c>
      <c r="AI17" s="373"/>
      <c r="AJ17" s="373"/>
      <c r="AK17" s="373"/>
      <c r="AL17" s="432"/>
      <c r="AM17" s="476"/>
      <c r="AN17" s="376"/>
      <c r="AO17" s="376"/>
      <c r="AP17" s="376"/>
      <c r="AQ17" s="376"/>
      <c r="AR17" s="376"/>
      <c r="AS17" s="376"/>
      <c r="AT17" s="377"/>
      <c r="AU17" s="477"/>
      <c r="AV17" s="478"/>
      <c r="AW17" s="478"/>
      <c r="AX17" s="478"/>
      <c r="AY17" s="433" t="s">
        <v>156</v>
      </c>
      <c r="AZ17" s="434"/>
      <c r="BA17" s="434"/>
      <c r="BB17" s="434"/>
      <c r="BC17" s="434"/>
      <c r="BD17" s="434"/>
      <c r="BE17" s="434"/>
      <c r="BF17" s="434"/>
      <c r="BG17" s="434"/>
      <c r="BH17" s="434"/>
      <c r="BI17" s="434"/>
      <c r="BJ17" s="434"/>
      <c r="BK17" s="434"/>
      <c r="BL17" s="434"/>
      <c r="BM17" s="435"/>
      <c r="BN17" s="419">
        <v>883630</v>
      </c>
      <c r="BO17" s="420"/>
      <c r="BP17" s="420"/>
      <c r="BQ17" s="420"/>
      <c r="BR17" s="420"/>
      <c r="BS17" s="420"/>
      <c r="BT17" s="420"/>
      <c r="BU17" s="421"/>
      <c r="BV17" s="419">
        <v>842517</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57</v>
      </c>
      <c r="C18" s="470"/>
      <c r="D18" s="470"/>
      <c r="E18" s="471"/>
      <c r="F18" s="471"/>
      <c r="G18" s="471"/>
      <c r="H18" s="471"/>
      <c r="I18" s="471"/>
      <c r="J18" s="471"/>
      <c r="K18" s="471"/>
      <c r="L18" s="472">
        <v>225.53</v>
      </c>
      <c r="M18" s="472"/>
      <c r="N18" s="472"/>
      <c r="O18" s="472"/>
      <c r="P18" s="472"/>
      <c r="Q18" s="472"/>
      <c r="R18" s="473"/>
      <c r="S18" s="473"/>
      <c r="T18" s="473"/>
      <c r="U18" s="473"/>
      <c r="V18" s="474"/>
      <c r="W18" s="490"/>
      <c r="X18" s="491"/>
      <c r="Y18" s="491"/>
      <c r="Z18" s="491"/>
      <c r="AA18" s="491"/>
      <c r="AB18" s="515"/>
      <c r="AC18" s="389">
        <v>73.099999999999994</v>
      </c>
      <c r="AD18" s="390"/>
      <c r="AE18" s="390"/>
      <c r="AF18" s="390"/>
      <c r="AG18" s="475"/>
      <c r="AH18" s="389">
        <v>72.5</v>
      </c>
      <c r="AI18" s="390"/>
      <c r="AJ18" s="390"/>
      <c r="AK18" s="390"/>
      <c r="AL18" s="391"/>
      <c r="AM18" s="476"/>
      <c r="AN18" s="376"/>
      <c r="AO18" s="376"/>
      <c r="AP18" s="376"/>
      <c r="AQ18" s="376"/>
      <c r="AR18" s="376"/>
      <c r="AS18" s="376"/>
      <c r="AT18" s="377"/>
      <c r="AU18" s="477"/>
      <c r="AV18" s="478"/>
      <c r="AW18" s="478"/>
      <c r="AX18" s="478"/>
      <c r="AY18" s="433" t="s">
        <v>158</v>
      </c>
      <c r="AZ18" s="434"/>
      <c r="BA18" s="434"/>
      <c r="BB18" s="434"/>
      <c r="BC18" s="434"/>
      <c r="BD18" s="434"/>
      <c r="BE18" s="434"/>
      <c r="BF18" s="434"/>
      <c r="BG18" s="434"/>
      <c r="BH18" s="434"/>
      <c r="BI18" s="434"/>
      <c r="BJ18" s="434"/>
      <c r="BK18" s="434"/>
      <c r="BL18" s="434"/>
      <c r="BM18" s="435"/>
      <c r="BN18" s="419">
        <v>2086793</v>
      </c>
      <c r="BO18" s="420"/>
      <c r="BP18" s="420"/>
      <c r="BQ18" s="420"/>
      <c r="BR18" s="420"/>
      <c r="BS18" s="420"/>
      <c r="BT18" s="420"/>
      <c r="BU18" s="421"/>
      <c r="BV18" s="419">
        <v>2116289</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59</v>
      </c>
      <c r="C19" s="470"/>
      <c r="D19" s="470"/>
      <c r="E19" s="471"/>
      <c r="F19" s="471"/>
      <c r="G19" s="471"/>
      <c r="H19" s="471"/>
      <c r="I19" s="471"/>
      <c r="J19" s="471"/>
      <c r="K19" s="471"/>
      <c r="L19" s="479">
        <v>21</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0</v>
      </c>
      <c r="AZ19" s="434"/>
      <c r="BA19" s="434"/>
      <c r="BB19" s="434"/>
      <c r="BC19" s="434"/>
      <c r="BD19" s="434"/>
      <c r="BE19" s="434"/>
      <c r="BF19" s="434"/>
      <c r="BG19" s="434"/>
      <c r="BH19" s="434"/>
      <c r="BI19" s="434"/>
      <c r="BJ19" s="434"/>
      <c r="BK19" s="434"/>
      <c r="BL19" s="434"/>
      <c r="BM19" s="435"/>
      <c r="BN19" s="419">
        <v>4108670</v>
      </c>
      <c r="BO19" s="420"/>
      <c r="BP19" s="420"/>
      <c r="BQ19" s="420"/>
      <c r="BR19" s="420"/>
      <c r="BS19" s="420"/>
      <c r="BT19" s="420"/>
      <c r="BU19" s="421"/>
      <c r="BV19" s="419">
        <v>4020224</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1</v>
      </c>
      <c r="C20" s="470"/>
      <c r="D20" s="470"/>
      <c r="E20" s="471"/>
      <c r="F20" s="471"/>
      <c r="G20" s="471"/>
      <c r="H20" s="471"/>
      <c r="I20" s="471"/>
      <c r="J20" s="471"/>
      <c r="K20" s="471"/>
      <c r="L20" s="479">
        <v>1984</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2</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3</v>
      </c>
      <c r="C22" s="396"/>
      <c r="D22" s="397"/>
      <c r="E22" s="404" t="s">
        <v>1</v>
      </c>
      <c r="F22" s="405"/>
      <c r="G22" s="405"/>
      <c r="H22" s="405"/>
      <c r="I22" s="405"/>
      <c r="J22" s="405"/>
      <c r="K22" s="406"/>
      <c r="L22" s="404" t="s">
        <v>164</v>
      </c>
      <c r="M22" s="405"/>
      <c r="N22" s="405"/>
      <c r="O22" s="405"/>
      <c r="P22" s="406"/>
      <c r="Q22" s="410" t="s">
        <v>165</v>
      </c>
      <c r="R22" s="411"/>
      <c r="S22" s="411"/>
      <c r="T22" s="411"/>
      <c r="U22" s="411"/>
      <c r="V22" s="412"/>
      <c r="W22" s="461" t="s">
        <v>166</v>
      </c>
      <c r="X22" s="396"/>
      <c r="Y22" s="397"/>
      <c r="Z22" s="404" t="s">
        <v>1</v>
      </c>
      <c r="AA22" s="405"/>
      <c r="AB22" s="405"/>
      <c r="AC22" s="405"/>
      <c r="AD22" s="405"/>
      <c r="AE22" s="405"/>
      <c r="AF22" s="405"/>
      <c r="AG22" s="406"/>
      <c r="AH22" s="422" t="s">
        <v>167</v>
      </c>
      <c r="AI22" s="405"/>
      <c r="AJ22" s="405"/>
      <c r="AK22" s="405"/>
      <c r="AL22" s="406"/>
      <c r="AM22" s="422" t="s">
        <v>168</v>
      </c>
      <c r="AN22" s="423"/>
      <c r="AO22" s="423"/>
      <c r="AP22" s="423"/>
      <c r="AQ22" s="423"/>
      <c r="AR22" s="424"/>
      <c r="AS22" s="410" t="s">
        <v>165</v>
      </c>
      <c r="AT22" s="411"/>
      <c r="AU22" s="411"/>
      <c r="AV22" s="411"/>
      <c r="AW22" s="411"/>
      <c r="AX22" s="428"/>
      <c r="AY22" s="445" t="s">
        <v>169</v>
      </c>
      <c r="AZ22" s="446"/>
      <c r="BA22" s="446"/>
      <c r="BB22" s="446"/>
      <c r="BC22" s="446"/>
      <c r="BD22" s="446"/>
      <c r="BE22" s="446"/>
      <c r="BF22" s="446"/>
      <c r="BG22" s="446"/>
      <c r="BH22" s="446"/>
      <c r="BI22" s="446"/>
      <c r="BJ22" s="446"/>
      <c r="BK22" s="446"/>
      <c r="BL22" s="446"/>
      <c r="BM22" s="447"/>
      <c r="BN22" s="448">
        <v>1651257</v>
      </c>
      <c r="BO22" s="449"/>
      <c r="BP22" s="449"/>
      <c r="BQ22" s="449"/>
      <c r="BR22" s="449"/>
      <c r="BS22" s="449"/>
      <c r="BT22" s="449"/>
      <c r="BU22" s="450"/>
      <c r="BV22" s="448">
        <v>1825538</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0</v>
      </c>
      <c r="AZ23" s="434"/>
      <c r="BA23" s="434"/>
      <c r="BB23" s="434"/>
      <c r="BC23" s="434"/>
      <c r="BD23" s="434"/>
      <c r="BE23" s="434"/>
      <c r="BF23" s="434"/>
      <c r="BG23" s="434"/>
      <c r="BH23" s="434"/>
      <c r="BI23" s="434"/>
      <c r="BJ23" s="434"/>
      <c r="BK23" s="434"/>
      <c r="BL23" s="434"/>
      <c r="BM23" s="435"/>
      <c r="BN23" s="419">
        <v>1543026</v>
      </c>
      <c r="BO23" s="420"/>
      <c r="BP23" s="420"/>
      <c r="BQ23" s="420"/>
      <c r="BR23" s="420"/>
      <c r="BS23" s="420"/>
      <c r="BT23" s="420"/>
      <c r="BU23" s="421"/>
      <c r="BV23" s="419">
        <v>1679438</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1</v>
      </c>
      <c r="F24" s="376"/>
      <c r="G24" s="376"/>
      <c r="H24" s="376"/>
      <c r="I24" s="376"/>
      <c r="J24" s="376"/>
      <c r="K24" s="377"/>
      <c r="L24" s="372">
        <v>1</v>
      </c>
      <c r="M24" s="373"/>
      <c r="N24" s="373"/>
      <c r="O24" s="373"/>
      <c r="P24" s="374"/>
      <c r="Q24" s="372">
        <v>7140</v>
      </c>
      <c r="R24" s="373"/>
      <c r="S24" s="373"/>
      <c r="T24" s="373"/>
      <c r="U24" s="373"/>
      <c r="V24" s="374"/>
      <c r="W24" s="462"/>
      <c r="X24" s="399"/>
      <c r="Y24" s="400"/>
      <c r="Z24" s="375" t="s">
        <v>172</v>
      </c>
      <c r="AA24" s="376"/>
      <c r="AB24" s="376"/>
      <c r="AC24" s="376"/>
      <c r="AD24" s="376"/>
      <c r="AE24" s="376"/>
      <c r="AF24" s="376"/>
      <c r="AG24" s="377"/>
      <c r="AH24" s="372">
        <v>90</v>
      </c>
      <c r="AI24" s="373"/>
      <c r="AJ24" s="373"/>
      <c r="AK24" s="373"/>
      <c r="AL24" s="374"/>
      <c r="AM24" s="372">
        <v>284490</v>
      </c>
      <c r="AN24" s="373"/>
      <c r="AO24" s="373"/>
      <c r="AP24" s="373"/>
      <c r="AQ24" s="373"/>
      <c r="AR24" s="374"/>
      <c r="AS24" s="372">
        <v>3161</v>
      </c>
      <c r="AT24" s="373"/>
      <c r="AU24" s="373"/>
      <c r="AV24" s="373"/>
      <c r="AW24" s="373"/>
      <c r="AX24" s="432"/>
      <c r="AY24" s="392" t="s">
        <v>173</v>
      </c>
      <c r="AZ24" s="393"/>
      <c r="BA24" s="393"/>
      <c r="BB24" s="393"/>
      <c r="BC24" s="393"/>
      <c r="BD24" s="393"/>
      <c r="BE24" s="393"/>
      <c r="BF24" s="393"/>
      <c r="BG24" s="393"/>
      <c r="BH24" s="393"/>
      <c r="BI24" s="393"/>
      <c r="BJ24" s="393"/>
      <c r="BK24" s="393"/>
      <c r="BL24" s="393"/>
      <c r="BM24" s="394"/>
      <c r="BN24" s="419">
        <v>75107</v>
      </c>
      <c r="BO24" s="420"/>
      <c r="BP24" s="420"/>
      <c r="BQ24" s="420"/>
      <c r="BR24" s="420"/>
      <c r="BS24" s="420"/>
      <c r="BT24" s="420"/>
      <c r="BU24" s="421"/>
      <c r="BV24" s="419">
        <v>91470</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4</v>
      </c>
      <c r="F25" s="376"/>
      <c r="G25" s="376"/>
      <c r="H25" s="376"/>
      <c r="I25" s="376"/>
      <c r="J25" s="376"/>
      <c r="K25" s="377"/>
      <c r="L25" s="372">
        <v>1</v>
      </c>
      <c r="M25" s="373"/>
      <c r="N25" s="373"/>
      <c r="O25" s="373"/>
      <c r="P25" s="374"/>
      <c r="Q25" s="372">
        <v>6270</v>
      </c>
      <c r="R25" s="373"/>
      <c r="S25" s="373"/>
      <c r="T25" s="373"/>
      <c r="U25" s="373"/>
      <c r="V25" s="374"/>
      <c r="W25" s="462"/>
      <c r="X25" s="399"/>
      <c r="Y25" s="400"/>
      <c r="Z25" s="375" t="s">
        <v>175</v>
      </c>
      <c r="AA25" s="376"/>
      <c r="AB25" s="376"/>
      <c r="AC25" s="376"/>
      <c r="AD25" s="376"/>
      <c r="AE25" s="376"/>
      <c r="AF25" s="376"/>
      <c r="AG25" s="377"/>
      <c r="AH25" s="372" t="s">
        <v>146</v>
      </c>
      <c r="AI25" s="373"/>
      <c r="AJ25" s="373"/>
      <c r="AK25" s="373"/>
      <c r="AL25" s="374"/>
      <c r="AM25" s="372" t="s">
        <v>130</v>
      </c>
      <c r="AN25" s="373"/>
      <c r="AO25" s="373"/>
      <c r="AP25" s="373"/>
      <c r="AQ25" s="373"/>
      <c r="AR25" s="374"/>
      <c r="AS25" s="372" t="s">
        <v>130</v>
      </c>
      <c r="AT25" s="373"/>
      <c r="AU25" s="373"/>
      <c r="AV25" s="373"/>
      <c r="AW25" s="373"/>
      <c r="AX25" s="432"/>
      <c r="AY25" s="445" t="s">
        <v>176</v>
      </c>
      <c r="AZ25" s="446"/>
      <c r="BA25" s="446"/>
      <c r="BB25" s="446"/>
      <c r="BC25" s="446"/>
      <c r="BD25" s="446"/>
      <c r="BE25" s="446"/>
      <c r="BF25" s="446"/>
      <c r="BG25" s="446"/>
      <c r="BH25" s="446"/>
      <c r="BI25" s="446"/>
      <c r="BJ25" s="446"/>
      <c r="BK25" s="446"/>
      <c r="BL25" s="446"/>
      <c r="BM25" s="447"/>
      <c r="BN25" s="448" t="s">
        <v>130</v>
      </c>
      <c r="BO25" s="449"/>
      <c r="BP25" s="449"/>
      <c r="BQ25" s="449"/>
      <c r="BR25" s="449"/>
      <c r="BS25" s="449"/>
      <c r="BT25" s="449"/>
      <c r="BU25" s="450"/>
      <c r="BV25" s="448" t="s">
        <v>130</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77</v>
      </c>
      <c r="F26" s="376"/>
      <c r="G26" s="376"/>
      <c r="H26" s="376"/>
      <c r="I26" s="376"/>
      <c r="J26" s="376"/>
      <c r="K26" s="377"/>
      <c r="L26" s="372">
        <v>1</v>
      </c>
      <c r="M26" s="373"/>
      <c r="N26" s="373"/>
      <c r="O26" s="373"/>
      <c r="P26" s="374"/>
      <c r="Q26" s="372">
        <v>5980</v>
      </c>
      <c r="R26" s="373"/>
      <c r="S26" s="373"/>
      <c r="T26" s="373"/>
      <c r="U26" s="373"/>
      <c r="V26" s="374"/>
      <c r="W26" s="462"/>
      <c r="X26" s="399"/>
      <c r="Y26" s="400"/>
      <c r="Z26" s="375" t="s">
        <v>178</v>
      </c>
      <c r="AA26" s="430"/>
      <c r="AB26" s="430"/>
      <c r="AC26" s="430"/>
      <c r="AD26" s="430"/>
      <c r="AE26" s="430"/>
      <c r="AF26" s="430"/>
      <c r="AG26" s="431"/>
      <c r="AH26" s="372">
        <v>5</v>
      </c>
      <c r="AI26" s="373"/>
      <c r="AJ26" s="373"/>
      <c r="AK26" s="373"/>
      <c r="AL26" s="374"/>
      <c r="AM26" s="372">
        <v>15605</v>
      </c>
      <c r="AN26" s="373"/>
      <c r="AO26" s="373"/>
      <c r="AP26" s="373"/>
      <c r="AQ26" s="373"/>
      <c r="AR26" s="374"/>
      <c r="AS26" s="372">
        <v>3121</v>
      </c>
      <c r="AT26" s="373"/>
      <c r="AU26" s="373"/>
      <c r="AV26" s="373"/>
      <c r="AW26" s="373"/>
      <c r="AX26" s="432"/>
      <c r="AY26" s="459" t="s">
        <v>179</v>
      </c>
      <c r="AZ26" s="379"/>
      <c r="BA26" s="379"/>
      <c r="BB26" s="379"/>
      <c r="BC26" s="379"/>
      <c r="BD26" s="379"/>
      <c r="BE26" s="379"/>
      <c r="BF26" s="379"/>
      <c r="BG26" s="379"/>
      <c r="BH26" s="379"/>
      <c r="BI26" s="379"/>
      <c r="BJ26" s="379"/>
      <c r="BK26" s="379"/>
      <c r="BL26" s="379"/>
      <c r="BM26" s="460"/>
      <c r="BN26" s="419" t="s">
        <v>146</v>
      </c>
      <c r="BO26" s="420"/>
      <c r="BP26" s="420"/>
      <c r="BQ26" s="420"/>
      <c r="BR26" s="420"/>
      <c r="BS26" s="420"/>
      <c r="BT26" s="420"/>
      <c r="BU26" s="421"/>
      <c r="BV26" s="419" t="s">
        <v>130</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0</v>
      </c>
      <c r="F27" s="376"/>
      <c r="G27" s="376"/>
      <c r="H27" s="376"/>
      <c r="I27" s="376"/>
      <c r="J27" s="376"/>
      <c r="K27" s="377"/>
      <c r="L27" s="372">
        <v>1</v>
      </c>
      <c r="M27" s="373"/>
      <c r="N27" s="373"/>
      <c r="O27" s="373"/>
      <c r="P27" s="374"/>
      <c r="Q27" s="372">
        <v>3600</v>
      </c>
      <c r="R27" s="373"/>
      <c r="S27" s="373"/>
      <c r="T27" s="373"/>
      <c r="U27" s="373"/>
      <c r="V27" s="374"/>
      <c r="W27" s="462"/>
      <c r="X27" s="399"/>
      <c r="Y27" s="400"/>
      <c r="Z27" s="375" t="s">
        <v>181</v>
      </c>
      <c r="AA27" s="376"/>
      <c r="AB27" s="376"/>
      <c r="AC27" s="376"/>
      <c r="AD27" s="376"/>
      <c r="AE27" s="376"/>
      <c r="AF27" s="376"/>
      <c r="AG27" s="377"/>
      <c r="AH27" s="372" t="s">
        <v>130</v>
      </c>
      <c r="AI27" s="373"/>
      <c r="AJ27" s="373"/>
      <c r="AK27" s="373"/>
      <c r="AL27" s="374"/>
      <c r="AM27" s="372" t="s">
        <v>130</v>
      </c>
      <c r="AN27" s="373"/>
      <c r="AO27" s="373"/>
      <c r="AP27" s="373"/>
      <c r="AQ27" s="373"/>
      <c r="AR27" s="374"/>
      <c r="AS27" s="372" t="s">
        <v>130</v>
      </c>
      <c r="AT27" s="373"/>
      <c r="AU27" s="373"/>
      <c r="AV27" s="373"/>
      <c r="AW27" s="373"/>
      <c r="AX27" s="432"/>
      <c r="AY27" s="456" t="s">
        <v>182</v>
      </c>
      <c r="AZ27" s="457"/>
      <c r="BA27" s="457"/>
      <c r="BB27" s="457"/>
      <c r="BC27" s="457"/>
      <c r="BD27" s="457"/>
      <c r="BE27" s="457"/>
      <c r="BF27" s="457"/>
      <c r="BG27" s="457"/>
      <c r="BH27" s="457"/>
      <c r="BI27" s="457"/>
      <c r="BJ27" s="457"/>
      <c r="BK27" s="457"/>
      <c r="BL27" s="457"/>
      <c r="BM27" s="458"/>
      <c r="BN27" s="453" t="s">
        <v>130</v>
      </c>
      <c r="BO27" s="454"/>
      <c r="BP27" s="454"/>
      <c r="BQ27" s="454"/>
      <c r="BR27" s="454"/>
      <c r="BS27" s="454"/>
      <c r="BT27" s="454"/>
      <c r="BU27" s="455"/>
      <c r="BV27" s="453" t="s">
        <v>130</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3</v>
      </c>
      <c r="F28" s="376"/>
      <c r="G28" s="376"/>
      <c r="H28" s="376"/>
      <c r="I28" s="376"/>
      <c r="J28" s="376"/>
      <c r="K28" s="377"/>
      <c r="L28" s="372">
        <v>1</v>
      </c>
      <c r="M28" s="373"/>
      <c r="N28" s="373"/>
      <c r="O28" s="373"/>
      <c r="P28" s="374"/>
      <c r="Q28" s="372">
        <v>3200</v>
      </c>
      <c r="R28" s="373"/>
      <c r="S28" s="373"/>
      <c r="T28" s="373"/>
      <c r="U28" s="373"/>
      <c r="V28" s="374"/>
      <c r="W28" s="462"/>
      <c r="X28" s="399"/>
      <c r="Y28" s="400"/>
      <c r="Z28" s="375" t="s">
        <v>184</v>
      </c>
      <c r="AA28" s="376"/>
      <c r="AB28" s="376"/>
      <c r="AC28" s="376"/>
      <c r="AD28" s="376"/>
      <c r="AE28" s="376"/>
      <c r="AF28" s="376"/>
      <c r="AG28" s="377"/>
      <c r="AH28" s="372" t="s">
        <v>130</v>
      </c>
      <c r="AI28" s="373"/>
      <c r="AJ28" s="373"/>
      <c r="AK28" s="373"/>
      <c r="AL28" s="374"/>
      <c r="AM28" s="372" t="s">
        <v>146</v>
      </c>
      <c r="AN28" s="373"/>
      <c r="AO28" s="373"/>
      <c r="AP28" s="373"/>
      <c r="AQ28" s="373"/>
      <c r="AR28" s="374"/>
      <c r="AS28" s="372" t="s">
        <v>146</v>
      </c>
      <c r="AT28" s="373"/>
      <c r="AU28" s="373"/>
      <c r="AV28" s="373"/>
      <c r="AW28" s="373"/>
      <c r="AX28" s="432"/>
      <c r="AY28" s="436" t="s">
        <v>185</v>
      </c>
      <c r="AZ28" s="437"/>
      <c r="BA28" s="437"/>
      <c r="BB28" s="438"/>
      <c r="BC28" s="445" t="s">
        <v>49</v>
      </c>
      <c r="BD28" s="446"/>
      <c r="BE28" s="446"/>
      <c r="BF28" s="446"/>
      <c r="BG28" s="446"/>
      <c r="BH28" s="446"/>
      <c r="BI28" s="446"/>
      <c r="BJ28" s="446"/>
      <c r="BK28" s="446"/>
      <c r="BL28" s="446"/>
      <c r="BM28" s="447"/>
      <c r="BN28" s="448">
        <v>1839401</v>
      </c>
      <c r="BO28" s="449"/>
      <c r="BP28" s="449"/>
      <c r="BQ28" s="449"/>
      <c r="BR28" s="449"/>
      <c r="BS28" s="449"/>
      <c r="BT28" s="449"/>
      <c r="BU28" s="450"/>
      <c r="BV28" s="448">
        <v>1763575</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86</v>
      </c>
      <c r="F29" s="376"/>
      <c r="G29" s="376"/>
      <c r="H29" s="376"/>
      <c r="I29" s="376"/>
      <c r="J29" s="376"/>
      <c r="K29" s="377"/>
      <c r="L29" s="372">
        <v>10</v>
      </c>
      <c r="M29" s="373"/>
      <c r="N29" s="373"/>
      <c r="O29" s="373"/>
      <c r="P29" s="374"/>
      <c r="Q29" s="372">
        <v>3000</v>
      </c>
      <c r="R29" s="373"/>
      <c r="S29" s="373"/>
      <c r="T29" s="373"/>
      <c r="U29" s="373"/>
      <c r="V29" s="374"/>
      <c r="W29" s="463"/>
      <c r="X29" s="464"/>
      <c r="Y29" s="465"/>
      <c r="Z29" s="375" t="s">
        <v>187</v>
      </c>
      <c r="AA29" s="376"/>
      <c r="AB29" s="376"/>
      <c r="AC29" s="376"/>
      <c r="AD29" s="376"/>
      <c r="AE29" s="376"/>
      <c r="AF29" s="376"/>
      <c r="AG29" s="377"/>
      <c r="AH29" s="372">
        <v>90</v>
      </c>
      <c r="AI29" s="373"/>
      <c r="AJ29" s="373"/>
      <c r="AK29" s="373"/>
      <c r="AL29" s="374"/>
      <c r="AM29" s="372">
        <v>284490</v>
      </c>
      <c r="AN29" s="373"/>
      <c r="AO29" s="373"/>
      <c r="AP29" s="373"/>
      <c r="AQ29" s="373"/>
      <c r="AR29" s="374"/>
      <c r="AS29" s="372">
        <v>3161</v>
      </c>
      <c r="AT29" s="373"/>
      <c r="AU29" s="373"/>
      <c r="AV29" s="373"/>
      <c r="AW29" s="373"/>
      <c r="AX29" s="432"/>
      <c r="AY29" s="439"/>
      <c r="AZ29" s="440"/>
      <c r="BA29" s="440"/>
      <c r="BB29" s="441"/>
      <c r="BC29" s="433" t="s">
        <v>188</v>
      </c>
      <c r="BD29" s="434"/>
      <c r="BE29" s="434"/>
      <c r="BF29" s="434"/>
      <c r="BG29" s="434"/>
      <c r="BH29" s="434"/>
      <c r="BI29" s="434"/>
      <c r="BJ29" s="434"/>
      <c r="BK29" s="434"/>
      <c r="BL29" s="434"/>
      <c r="BM29" s="435"/>
      <c r="BN29" s="419">
        <v>1273288</v>
      </c>
      <c r="BO29" s="420"/>
      <c r="BP29" s="420"/>
      <c r="BQ29" s="420"/>
      <c r="BR29" s="420"/>
      <c r="BS29" s="420"/>
      <c r="BT29" s="420"/>
      <c r="BU29" s="421"/>
      <c r="BV29" s="419">
        <v>1211881</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89</v>
      </c>
      <c r="X30" s="387"/>
      <c r="Y30" s="387"/>
      <c r="Z30" s="387"/>
      <c r="AA30" s="387"/>
      <c r="AB30" s="387"/>
      <c r="AC30" s="387"/>
      <c r="AD30" s="387"/>
      <c r="AE30" s="387"/>
      <c r="AF30" s="387"/>
      <c r="AG30" s="388"/>
      <c r="AH30" s="389">
        <v>97.1</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1</v>
      </c>
      <c r="BD30" s="393"/>
      <c r="BE30" s="393"/>
      <c r="BF30" s="393"/>
      <c r="BG30" s="393"/>
      <c r="BH30" s="393"/>
      <c r="BI30" s="393"/>
      <c r="BJ30" s="393"/>
      <c r="BK30" s="393"/>
      <c r="BL30" s="393"/>
      <c r="BM30" s="394"/>
      <c r="BN30" s="453">
        <v>3229930</v>
      </c>
      <c r="BO30" s="454"/>
      <c r="BP30" s="454"/>
      <c r="BQ30" s="454"/>
      <c r="BR30" s="454"/>
      <c r="BS30" s="454"/>
      <c r="BT30" s="454"/>
      <c r="BU30" s="455"/>
      <c r="BV30" s="453">
        <v>2674263</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0</v>
      </c>
      <c r="D32" s="378"/>
      <c r="E32" s="378"/>
      <c r="F32" s="378"/>
      <c r="G32" s="378"/>
      <c r="H32" s="378"/>
      <c r="I32" s="378"/>
      <c r="J32" s="378"/>
      <c r="K32" s="378"/>
      <c r="L32" s="378"/>
      <c r="M32" s="378"/>
      <c r="N32" s="378"/>
      <c r="O32" s="378"/>
      <c r="P32" s="378"/>
      <c r="Q32" s="378"/>
      <c r="R32" s="378"/>
      <c r="S32" s="378"/>
      <c r="U32" s="379" t="s">
        <v>191</v>
      </c>
      <c r="V32" s="379"/>
      <c r="W32" s="379"/>
      <c r="X32" s="379"/>
      <c r="Y32" s="379"/>
      <c r="Z32" s="379"/>
      <c r="AA32" s="379"/>
      <c r="AB32" s="379"/>
      <c r="AC32" s="379"/>
      <c r="AD32" s="379"/>
      <c r="AE32" s="379"/>
      <c r="AF32" s="379"/>
      <c r="AG32" s="379"/>
      <c r="AH32" s="379"/>
      <c r="AI32" s="379"/>
      <c r="AJ32" s="379"/>
      <c r="AK32" s="379"/>
      <c r="AM32" s="379" t="s">
        <v>192</v>
      </c>
      <c r="AN32" s="379"/>
      <c r="AO32" s="379"/>
      <c r="AP32" s="379"/>
      <c r="AQ32" s="379"/>
      <c r="AR32" s="379"/>
      <c r="AS32" s="379"/>
      <c r="AT32" s="379"/>
      <c r="AU32" s="379"/>
      <c r="AV32" s="379"/>
      <c r="AW32" s="379"/>
      <c r="AX32" s="379"/>
      <c r="AY32" s="379"/>
      <c r="AZ32" s="379"/>
      <c r="BA32" s="379"/>
      <c r="BB32" s="379"/>
      <c r="BC32" s="379"/>
      <c r="BE32" s="379" t="s">
        <v>193</v>
      </c>
      <c r="BF32" s="379"/>
      <c r="BG32" s="379"/>
      <c r="BH32" s="379"/>
      <c r="BI32" s="379"/>
      <c r="BJ32" s="379"/>
      <c r="BK32" s="379"/>
      <c r="BL32" s="379"/>
      <c r="BM32" s="379"/>
      <c r="BN32" s="379"/>
      <c r="BO32" s="379"/>
      <c r="BP32" s="379"/>
      <c r="BQ32" s="379"/>
      <c r="BR32" s="379"/>
      <c r="BS32" s="379"/>
      <c r="BT32" s="379"/>
      <c r="BU32" s="379"/>
      <c r="BW32" s="379" t="s">
        <v>194</v>
      </c>
      <c r="BX32" s="379"/>
      <c r="BY32" s="379"/>
      <c r="BZ32" s="379"/>
      <c r="CA32" s="379"/>
      <c r="CB32" s="379"/>
      <c r="CC32" s="379"/>
      <c r="CD32" s="379"/>
      <c r="CE32" s="379"/>
      <c r="CF32" s="379"/>
      <c r="CG32" s="379"/>
      <c r="CH32" s="379"/>
      <c r="CI32" s="379"/>
      <c r="CJ32" s="379"/>
      <c r="CK32" s="379"/>
      <c r="CL32" s="379"/>
      <c r="CM32" s="379"/>
      <c r="CO32" s="379" t="s">
        <v>195</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196</v>
      </c>
      <c r="D33" s="371"/>
      <c r="E33" s="370" t="s">
        <v>197</v>
      </c>
      <c r="F33" s="370"/>
      <c r="G33" s="370"/>
      <c r="H33" s="370"/>
      <c r="I33" s="370"/>
      <c r="J33" s="370"/>
      <c r="K33" s="370"/>
      <c r="L33" s="370"/>
      <c r="M33" s="370"/>
      <c r="N33" s="370"/>
      <c r="O33" s="370"/>
      <c r="P33" s="370"/>
      <c r="Q33" s="370"/>
      <c r="R33" s="370"/>
      <c r="S33" s="370"/>
      <c r="T33" s="206"/>
      <c r="U33" s="371" t="s">
        <v>198</v>
      </c>
      <c r="V33" s="371"/>
      <c r="W33" s="370" t="s">
        <v>199</v>
      </c>
      <c r="X33" s="370"/>
      <c r="Y33" s="370"/>
      <c r="Z33" s="370"/>
      <c r="AA33" s="370"/>
      <c r="AB33" s="370"/>
      <c r="AC33" s="370"/>
      <c r="AD33" s="370"/>
      <c r="AE33" s="370"/>
      <c r="AF33" s="370"/>
      <c r="AG33" s="370"/>
      <c r="AH33" s="370"/>
      <c r="AI33" s="370"/>
      <c r="AJ33" s="370"/>
      <c r="AK33" s="370"/>
      <c r="AL33" s="206"/>
      <c r="AM33" s="371" t="s">
        <v>196</v>
      </c>
      <c r="AN33" s="371"/>
      <c r="AO33" s="370" t="s">
        <v>197</v>
      </c>
      <c r="AP33" s="370"/>
      <c r="AQ33" s="370"/>
      <c r="AR33" s="370"/>
      <c r="AS33" s="370"/>
      <c r="AT33" s="370"/>
      <c r="AU33" s="370"/>
      <c r="AV33" s="370"/>
      <c r="AW33" s="370"/>
      <c r="AX33" s="370"/>
      <c r="AY33" s="370"/>
      <c r="AZ33" s="370"/>
      <c r="BA33" s="370"/>
      <c r="BB33" s="370"/>
      <c r="BC33" s="370"/>
      <c r="BD33" s="207"/>
      <c r="BE33" s="370" t="s">
        <v>200</v>
      </c>
      <c r="BF33" s="370"/>
      <c r="BG33" s="370" t="s">
        <v>201</v>
      </c>
      <c r="BH33" s="370"/>
      <c r="BI33" s="370"/>
      <c r="BJ33" s="370"/>
      <c r="BK33" s="370"/>
      <c r="BL33" s="370"/>
      <c r="BM33" s="370"/>
      <c r="BN33" s="370"/>
      <c r="BO33" s="370"/>
      <c r="BP33" s="370"/>
      <c r="BQ33" s="370"/>
      <c r="BR33" s="370"/>
      <c r="BS33" s="370"/>
      <c r="BT33" s="370"/>
      <c r="BU33" s="370"/>
      <c r="BV33" s="207"/>
      <c r="BW33" s="371" t="s">
        <v>200</v>
      </c>
      <c r="BX33" s="371"/>
      <c r="BY33" s="370" t="s">
        <v>202</v>
      </c>
      <c r="BZ33" s="370"/>
      <c r="CA33" s="370"/>
      <c r="CB33" s="370"/>
      <c r="CC33" s="370"/>
      <c r="CD33" s="370"/>
      <c r="CE33" s="370"/>
      <c r="CF33" s="370"/>
      <c r="CG33" s="370"/>
      <c r="CH33" s="370"/>
      <c r="CI33" s="370"/>
      <c r="CJ33" s="370"/>
      <c r="CK33" s="370"/>
      <c r="CL33" s="370"/>
      <c r="CM33" s="370"/>
      <c r="CN33" s="206"/>
      <c r="CO33" s="371" t="s">
        <v>196</v>
      </c>
      <c r="CP33" s="371"/>
      <c r="CQ33" s="370" t="s">
        <v>203</v>
      </c>
      <c r="CR33" s="370"/>
      <c r="CS33" s="370"/>
      <c r="CT33" s="370"/>
      <c r="CU33" s="370"/>
      <c r="CV33" s="370"/>
      <c r="CW33" s="370"/>
      <c r="CX33" s="370"/>
      <c r="CY33" s="370"/>
      <c r="CZ33" s="370"/>
      <c r="DA33" s="370"/>
      <c r="DB33" s="370"/>
      <c r="DC33" s="370"/>
      <c r="DD33" s="370"/>
      <c r="DE33" s="370"/>
      <c r="DF33" s="206"/>
      <c r="DG33" s="369" t="s">
        <v>204</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4</v>
      </c>
      <c r="V34" s="367"/>
      <c r="W34" s="368" t="str">
        <f>IF('各会計、関係団体の財政状況及び健全化判断比率'!B28="","",'各会計、関係団体の財政状況及び健全化判断比率'!B28)</f>
        <v>国民健康保険特別会計</v>
      </c>
      <c r="X34" s="368"/>
      <c r="Y34" s="368"/>
      <c r="Z34" s="368"/>
      <c r="AA34" s="368"/>
      <c r="AB34" s="368"/>
      <c r="AC34" s="368"/>
      <c r="AD34" s="368"/>
      <c r="AE34" s="368"/>
      <c r="AF34" s="368"/>
      <c r="AG34" s="368"/>
      <c r="AH34" s="368"/>
      <c r="AI34" s="368"/>
      <c r="AJ34" s="368"/>
      <c r="AK34" s="368"/>
      <c r="AL34" s="181"/>
      <c r="AM34" s="367">
        <f>IF(AO34="","",MAX(C34:D43,U34:V43)+1)</f>
        <v>7</v>
      </c>
      <c r="AN34" s="367"/>
      <c r="AO34" s="368" t="str">
        <f>IF('各会計、関係団体の財政状況及び健全化判断比率'!B31="","",'各会計、関係団体の財政状況及び健全化判断比率'!B31)</f>
        <v>病院事業会計</v>
      </c>
      <c r="AP34" s="368"/>
      <c r="AQ34" s="368"/>
      <c r="AR34" s="368"/>
      <c r="AS34" s="368"/>
      <c r="AT34" s="368"/>
      <c r="AU34" s="368"/>
      <c r="AV34" s="368"/>
      <c r="AW34" s="368"/>
      <c r="AX34" s="368"/>
      <c r="AY34" s="368"/>
      <c r="AZ34" s="368"/>
      <c r="BA34" s="368"/>
      <c r="BB34" s="368"/>
      <c r="BC34" s="368"/>
      <c r="BD34" s="181"/>
      <c r="BE34" s="367">
        <f>IF(BG34="","",MAX(C34:D43,U34:V43,AM34:AN43)+1)</f>
        <v>8</v>
      </c>
      <c r="BF34" s="367"/>
      <c r="BG34" s="368" t="str">
        <f>IF('各会計、関係団体の財政状況及び健全化判断比率'!B32="","",'各会計、関係団体の財政状況及び健全化判断比率'!B32)</f>
        <v>下水道事業特別会計</v>
      </c>
      <c r="BH34" s="368"/>
      <c r="BI34" s="368"/>
      <c r="BJ34" s="368"/>
      <c r="BK34" s="368"/>
      <c r="BL34" s="368"/>
      <c r="BM34" s="368"/>
      <c r="BN34" s="368"/>
      <c r="BO34" s="368"/>
      <c r="BP34" s="368"/>
      <c r="BQ34" s="368"/>
      <c r="BR34" s="368"/>
      <c r="BS34" s="368"/>
      <c r="BT34" s="368"/>
      <c r="BU34" s="368"/>
      <c r="BV34" s="181"/>
      <c r="BW34" s="367">
        <f>IF(BY34="","",MAX(C34:D43,U34:V43,AM34:AN43,BE34:BF43)+1)</f>
        <v>9</v>
      </c>
      <c r="BX34" s="367"/>
      <c r="BY34" s="368" t="str">
        <f>IF('各会計、関係団体の財政状況及び健全化判断比率'!B68="","",'各会計、関係団体の財政状況及び健全化判断比率'!B68)</f>
        <v>東京市町村総合事務組合（一般会計）</v>
      </c>
      <c r="BZ34" s="368"/>
      <c r="CA34" s="368"/>
      <c r="CB34" s="368"/>
      <c r="CC34" s="368"/>
      <c r="CD34" s="368"/>
      <c r="CE34" s="368"/>
      <c r="CF34" s="368"/>
      <c r="CG34" s="368"/>
      <c r="CH34" s="368"/>
      <c r="CI34" s="368"/>
      <c r="CJ34" s="368"/>
      <c r="CK34" s="368"/>
      <c r="CL34" s="368"/>
      <c r="CM34" s="368"/>
      <c r="CN34" s="181"/>
      <c r="CO34" s="367">
        <f>IF(CQ34="","",MAX(C34:D43,U34:V43,AM34:AN43,BE34:BF43,BW34:BX43)+1)</f>
        <v>17</v>
      </c>
      <c r="CP34" s="367"/>
      <c r="CQ34" s="368" t="str">
        <f>IF('各会計、関係団体の財政状況及び健全化判断比率'!BS7="","",'各会計、関係団体の財政状況及び健全化判断比率'!BS7)</f>
        <v>奥多摩総合開発</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f>IF(E35="","",C34+1)</f>
        <v>2</v>
      </c>
      <c r="D35" s="367"/>
      <c r="E35" s="368" t="str">
        <f>IF('各会計、関係団体の財政状況及び健全化判断比率'!B8="","",'各会計、関係団体の財政状況及び健全化判断比率'!B8)</f>
        <v>都民の森管理運営事業特別会計</v>
      </c>
      <c r="F35" s="368"/>
      <c r="G35" s="368"/>
      <c r="H35" s="368"/>
      <c r="I35" s="368"/>
      <c r="J35" s="368"/>
      <c r="K35" s="368"/>
      <c r="L35" s="368"/>
      <c r="M35" s="368"/>
      <c r="N35" s="368"/>
      <c r="O35" s="368"/>
      <c r="P35" s="368"/>
      <c r="Q35" s="368"/>
      <c r="R35" s="368"/>
      <c r="S35" s="368"/>
      <c r="T35" s="181"/>
      <c r="U35" s="367">
        <f>IF(W35="","",U34+1)</f>
        <v>5</v>
      </c>
      <c r="V35" s="367"/>
      <c r="W35" s="368" t="str">
        <f>IF('各会計、関係団体の財政状況及び健全化判断比率'!B29="","",'各会計、関係団体の財政状況及び健全化判断比率'!B29)</f>
        <v>介護保険特別会計</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10</v>
      </c>
      <c r="BX35" s="367"/>
      <c r="BY35" s="368" t="str">
        <f>IF('各会計、関係団体の財政状況及び健全化判断比率'!B69="","",'各会計、関係団体の財政状況及び健全化判断比率'!B69)</f>
        <v>東京市町村総合事務組合（交通災害共済事業特別会計）</v>
      </c>
      <c r="BZ35" s="368"/>
      <c r="CA35" s="368"/>
      <c r="CB35" s="368"/>
      <c r="CC35" s="368"/>
      <c r="CD35" s="368"/>
      <c r="CE35" s="368"/>
      <c r="CF35" s="368"/>
      <c r="CG35" s="368"/>
      <c r="CH35" s="368"/>
      <c r="CI35" s="368"/>
      <c r="CJ35" s="368"/>
      <c r="CK35" s="368"/>
      <c r="CL35" s="368"/>
      <c r="CM35" s="368"/>
      <c r="CN35" s="181"/>
      <c r="CO35" s="367">
        <f t="shared" ref="CO35:CO43" si="3">IF(CQ35="","",CO34+1)</f>
        <v>18</v>
      </c>
      <c r="CP35" s="367"/>
      <c r="CQ35" s="368" t="str">
        <f>IF('各会計、関係団体の財政状況及び健全化判断比率'!BS8="","",'各会計、関係団体の財政状況及び健全化判断比率'!BS8)</f>
        <v>おくたま地域振興財団</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f>IF(E36="","",C35+1)</f>
        <v>3</v>
      </c>
      <c r="D36" s="367"/>
      <c r="E36" s="368" t="str">
        <f>IF('各会計、関係団体の財政状況及び健全化判断比率'!B9="","",'各会計、関係団体の財政状況及び健全化判断比率'!B9)</f>
        <v>山のふるさと村管理運営事業特別会計</v>
      </c>
      <c r="F36" s="368"/>
      <c r="G36" s="368"/>
      <c r="H36" s="368"/>
      <c r="I36" s="368"/>
      <c r="J36" s="368"/>
      <c r="K36" s="368"/>
      <c r="L36" s="368"/>
      <c r="M36" s="368"/>
      <c r="N36" s="368"/>
      <c r="O36" s="368"/>
      <c r="P36" s="368"/>
      <c r="Q36" s="368"/>
      <c r="R36" s="368"/>
      <c r="S36" s="368"/>
      <c r="T36" s="181"/>
      <c r="U36" s="367">
        <f t="shared" ref="U36:U43" si="4">IF(W36="","",U35+1)</f>
        <v>6</v>
      </c>
      <c r="V36" s="367"/>
      <c r="W36" s="368" t="str">
        <f>IF('各会計、関係団体の財政状況及び健全化判断比率'!B30="","",'各会計、関係団体の財政状況及び健全化判断比率'!B30)</f>
        <v>後期高齢者医療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1</v>
      </c>
      <c r="BX36" s="367"/>
      <c r="BY36" s="368" t="str">
        <f>IF('各会計、関係団体の財政状況及び健全化判断比率'!B70="","",'各会計、関係団体の財政状況及び健全化判断比率'!B70)</f>
        <v>東京都市町村職員退職手当組合</v>
      </c>
      <c r="BZ36" s="368"/>
      <c r="CA36" s="368"/>
      <c r="CB36" s="368"/>
      <c r="CC36" s="368"/>
      <c r="CD36" s="368"/>
      <c r="CE36" s="368"/>
      <c r="CF36" s="368"/>
      <c r="CG36" s="368"/>
      <c r="CH36" s="368"/>
      <c r="CI36" s="368"/>
      <c r="CJ36" s="368"/>
      <c r="CK36" s="368"/>
      <c r="CL36" s="368"/>
      <c r="CM36" s="368"/>
      <c r="CN36" s="181"/>
      <c r="CO36" s="367">
        <f t="shared" si="3"/>
        <v>19</v>
      </c>
      <c r="CP36" s="367"/>
      <c r="CQ36" s="368" t="str">
        <f>IF('各会計、関係団体の財政状況及び健全化判断比率'!BS9="","",'各会計、関係団体の財政状況及び健全化判断比率'!BS9)</f>
        <v>小河内振興財団</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2</v>
      </c>
      <c r="BX37" s="367"/>
      <c r="BY37" s="368" t="str">
        <f>IF('各会計、関係団体の財政状況及び健全化判断比率'!B71="","",'各会計、関係団体の財政状況及び健全化判断比率'!B71)</f>
        <v>東京都市町村議会議員公務災害補償等組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3</v>
      </c>
      <c r="BX38" s="367"/>
      <c r="BY38" s="368" t="str">
        <f>IF('各会計、関係団体の財政状況及び健全化判断比率'!B72="","",'各会計、関係団体の財政状況及び健全化判断比率'!B72)</f>
        <v>東京都後期高齢者医療広域連合（一般会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4</v>
      </c>
      <c r="BX39" s="367"/>
      <c r="BY39" s="368" t="str">
        <f>IF('各会計、関係団体の財政状況及び健全化判断比率'!B73="","",'各会計、関係団体の財政状況及び健全化判断比率'!B73)</f>
        <v>東京都後期高齢者医療広域連合（特別会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5</v>
      </c>
      <c r="BX40" s="367"/>
      <c r="BY40" s="368" t="str">
        <f>IF('各会計、関係団体の財政状況及び健全化判断比率'!B74="","",'各会計、関係団体の財政状況及び健全化判断比率'!B74)</f>
        <v>西秋川衛生組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6</v>
      </c>
      <c r="BX41" s="367"/>
      <c r="BY41" s="368" t="str">
        <f>IF('各会計、関係団体の財政状況及び健全化判断比率'!B75="","",'各会計、関係団体の財政状況及び健全化判断比率'!B75)</f>
        <v>秋川流域斎場組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t="str">
        <f t="shared" si="2"/>
        <v/>
      </c>
      <c r="BX42" s="367"/>
      <c r="BY42" s="368" t="str">
        <f>IF('各会計、関係団体の財政状況及び健全化判断比率'!B76="","",'各会計、関係団体の財政状況及び健全化判断比率'!B76)</f>
        <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5</v>
      </c>
      <c r="E46" s="364" t="s">
        <v>206</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07</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08</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09</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0</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1</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2</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3</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A6KF8b5pzoj4/HwQUt7RS1SDqK2WsbH+yBn19JVc9yQUwKe4HpIO1Z6VN06NReKNPskUtRAyAJlwhDlBTAqW1w==" saltValue="JdVExuVLuqU1fDLPMOkes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56</v>
      </c>
      <c r="G33" s="29" t="s">
        <v>557</v>
      </c>
      <c r="H33" s="29" t="s">
        <v>558</v>
      </c>
      <c r="I33" s="29" t="s">
        <v>559</v>
      </c>
      <c r="J33" s="30" t="s">
        <v>560</v>
      </c>
      <c r="K33" s="22"/>
      <c r="L33" s="22"/>
      <c r="M33" s="22"/>
      <c r="N33" s="22"/>
      <c r="O33" s="22"/>
      <c r="P33" s="22"/>
    </row>
    <row r="34" spans="1:16" ht="39" customHeight="1" x14ac:dyDescent="0.2">
      <c r="A34" s="22"/>
      <c r="B34" s="31"/>
      <c r="C34" s="1151" t="s">
        <v>562</v>
      </c>
      <c r="D34" s="1151"/>
      <c r="E34" s="1152"/>
      <c r="F34" s="32">
        <v>11.17</v>
      </c>
      <c r="G34" s="33">
        <v>11.79</v>
      </c>
      <c r="H34" s="33">
        <v>13.54</v>
      </c>
      <c r="I34" s="33">
        <v>13.42</v>
      </c>
      <c r="J34" s="34">
        <v>14.42</v>
      </c>
      <c r="K34" s="22"/>
      <c r="L34" s="22"/>
      <c r="M34" s="22"/>
      <c r="N34" s="22"/>
      <c r="O34" s="22"/>
      <c r="P34" s="22"/>
    </row>
    <row r="35" spans="1:16" ht="39" customHeight="1" x14ac:dyDescent="0.2">
      <c r="A35" s="22"/>
      <c r="B35" s="35"/>
      <c r="C35" s="1145" t="s">
        <v>563</v>
      </c>
      <c r="D35" s="1146"/>
      <c r="E35" s="1147"/>
      <c r="F35" s="36">
        <v>6.06</v>
      </c>
      <c r="G35" s="37">
        <v>7.26</v>
      </c>
      <c r="H35" s="37">
        <v>9</v>
      </c>
      <c r="I35" s="37">
        <v>13.45</v>
      </c>
      <c r="J35" s="38">
        <v>8</v>
      </c>
      <c r="K35" s="22"/>
      <c r="L35" s="22"/>
      <c r="M35" s="22"/>
      <c r="N35" s="22"/>
      <c r="O35" s="22"/>
      <c r="P35" s="22"/>
    </row>
    <row r="36" spans="1:16" ht="39" customHeight="1" x14ac:dyDescent="0.2">
      <c r="A36" s="22"/>
      <c r="B36" s="35"/>
      <c r="C36" s="1145" t="s">
        <v>564</v>
      </c>
      <c r="D36" s="1146"/>
      <c r="E36" s="1147"/>
      <c r="F36" s="36">
        <v>0.61</v>
      </c>
      <c r="G36" s="37">
        <v>0.62</v>
      </c>
      <c r="H36" s="37">
        <v>0.56999999999999995</v>
      </c>
      <c r="I36" s="37">
        <v>1.41</v>
      </c>
      <c r="J36" s="38">
        <v>1.94</v>
      </c>
      <c r="K36" s="22"/>
      <c r="L36" s="22"/>
      <c r="M36" s="22"/>
      <c r="N36" s="22"/>
      <c r="O36" s="22"/>
      <c r="P36" s="22"/>
    </row>
    <row r="37" spans="1:16" ht="39" customHeight="1" x14ac:dyDescent="0.2">
      <c r="A37" s="22"/>
      <c r="B37" s="35"/>
      <c r="C37" s="1145" t="s">
        <v>565</v>
      </c>
      <c r="D37" s="1146"/>
      <c r="E37" s="1147"/>
      <c r="F37" s="36">
        <v>0.86</v>
      </c>
      <c r="G37" s="37">
        <v>0.7</v>
      </c>
      <c r="H37" s="37">
        <v>1.04</v>
      </c>
      <c r="I37" s="37">
        <v>1.05</v>
      </c>
      <c r="J37" s="38">
        <v>1.01</v>
      </c>
      <c r="K37" s="22"/>
      <c r="L37" s="22"/>
      <c r="M37" s="22"/>
      <c r="N37" s="22"/>
      <c r="O37" s="22"/>
      <c r="P37" s="22"/>
    </row>
    <row r="38" spans="1:16" ht="39" customHeight="1" x14ac:dyDescent="0.2">
      <c r="A38" s="22"/>
      <c r="B38" s="35"/>
      <c r="C38" s="1145" t="s">
        <v>566</v>
      </c>
      <c r="D38" s="1146"/>
      <c r="E38" s="1147"/>
      <c r="F38" s="36">
        <v>0.15</v>
      </c>
      <c r="G38" s="37">
        <v>0.2</v>
      </c>
      <c r="H38" s="37">
        <v>0.2</v>
      </c>
      <c r="I38" s="37">
        <v>0.27</v>
      </c>
      <c r="J38" s="38">
        <v>0.56999999999999995</v>
      </c>
      <c r="K38" s="22"/>
      <c r="L38" s="22"/>
      <c r="M38" s="22"/>
      <c r="N38" s="22"/>
      <c r="O38" s="22"/>
      <c r="P38" s="22"/>
    </row>
    <row r="39" spans="1:16" ht="39" customHeight="1" x14ac:dyDescent="0.2">
      <c r="A39" s="22"/>
      <c r="B39" s="35"/>
      <c r="C39" s="1145" t="s">
        <v>567</v>
      </c>
      <c r="D39" s="1146"/>
      <c r="E39" s="1147"/>
      <c r="F39" s="36">
        <v>0.37</v>
      </c>
      <c r="G39" s="37">
        <v>0.22</v>
      </c>
      <c r="H39" s="37">
        <v>0.22</v>
      </c>
      <c r="I39" s="37">
        <v>0.2</v>
      </c>
      <c r="J39" s="38">
        <v>0.23</v>
      </c>
      <c r="K39" s="22"/>
      <c r="L39" s="22"/>
      <c r="M39" s="22"/>
      <c r="N39" s="22"/>
      <c r="O39" s="22"/>
      <c r="P39" s="22"/>
    </row>
    <row r="40" spans="1:16" ht="39" customHeight="1" x14ac:dyDescent="0.2">
      <c r="A40" s="22"/>
      <c r="B40" s="35"/>
      <c r="C40" s="1145" t="s">
        <v>568</v>
      </c>
      <c r="D40" s="1146"/>
      <c r="E40" s="1147"/>
      <c r="F40" s="36">
        <v>0</v>
      </c>
      <c r="G40" s="37">
        <v>0</v>
      </c>
      <c r="H40" s="37">
        <v>0</v>
      </c>
      <c r="I40" s="37">
        <v>0</v>
      </c>
      <c r="J40" s="38">
        <v>0</v>
      </c>
      <c r="K40" s="22"/>
      <c r="L40" s="22"/>
      <c r="M40" s="22"/>
      <c r="N40" s="22"/>
      <c r="O40" s="22"/>
      <c r="P40" s="22"/>
    </row>
    <row r="41" spans="1:16" ht="39" customHeight="1" x14ac:dyDescent="0.2">
      <c r="A41" s="22"/>
      <c r="B41" s="35"/>
      <c r="C41" s="1145" t="s">
        <v>569</v>
      </c>
      <c r="D41" s="1146"/>
      <c r="E41" s="1147"/>
      <c r="F41" s="36">
        <v>0.14000000000000001</v>
      </c>
      <c r="G41" s="37">
        <v>0.06</v>
      </c>
      <c r="H41" s="37">
        <v>0.08</v>
      </c>
      <c r="I41" s="37">
        <v>0.01</v>
      </c>
      <c r="J41" s="38">
        <v>0</v>
      </c>
      <c r="K41" s="22"/>
      <c r="L41" s="22"/>
      <c r="M41" s="22"/>
      <c r="N41" s="22"/>
      <c r="O41" s="22"/>
      <c r="P41" s="22"/>
    </row>
    <row r="42" spans="1:16" ht="39" customHeight="1" x14ac:dyDescent="0.2">
      <c r="A42" s="22"/>
      <c r="B42" s="39"/>
      <c r="C42" s="1145" t="s">
        <v>570</v>
      </c>
      <c r="D42" s="1146"/>
      <c r="E42" s="1147"/>
      <c r="F42" s="36" t="s">
        <v>514</v>
      </c>
      <c r="G42" s="37" t="s">
        <v>514</v>
      </c>
      <c r="H42" s="37" t="s">
        <v>514</v>
      </c>
      <c r="I42" s="37" t="s">
        <v>514</v>
      </c>
      <c r="J42" s="38" t="s">
        <v>514</v>
      </c>
      <c r="K42" s="22"/>
      <c r="L42" s="22"/>
      <c r="M42" s="22"/>
      <c r="N42" s="22"/>
      <c r="O42" s="22"/>
      <c r="P42" s="22"/>
    </row>
    <row r="43" spans="1:16" ht="39" customHeight="1" thickBot="1" x14ac:dyDescent="0.25">
      <c r="A43" s="22"/>
      <c r="B43" s="40"/>
      <c r="C43" s="1148" t="s">
        <v>571</v>
      </c>
      <c r="D43" s="1149"/>
      <c r="E43" s="1150"/>
      <c r="F43" s="41" t="s">
        <v>514</v>
      </c>
      <c r="G43" s="42" t="s">
        <v>514</v>
      </c>
      <c r="H43" s="42" t="s">
        <v>514</v>
      </c>
      <c r="I43" s="42" t="s">
        <v>514</v>
      </c>
      <c r="J43" s="43" t="s">
        <v>514</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Ahhvvfjl2C36oBOxz5uDWuiEWcLWx1+9kaVWWX4eUhkMglx7V3dx8+u7SapJ5JE7OroPmpHxorqcH9Hc9smcPw==" saltValue="CwcerMVtnXBGS3F25NLQ2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56</v>
      </c>
      <c r="L44" s="56" t="s">
        <v>557</v>
      </c>
      <c r="M44" s="56" t="s">
        <v>558</v>
      </c>
      <c r="N44" s="56" t="s">
        <v>559</v>
      </c>
      <c r="O44" s="57" t="s">
        <v>560</v>
      </c>
      <c r="P44" s="48"/>
      <c r="Q44" s="48"/>
      <c r="R44" s="48"/>
      <c r="S44" s="48"/>
      <c r="T44" s="48"/>
      <c r="U44" s="48"/>
    </row>
    <row r="45" spans="1:21" ht="30.75" customHeight="1" x14ac:dyDescent="0.2">
      <c r="A45" s="48"/>
      <c r="B45" s="1176" t="s">
        <v>10</v>
      </c>
      <c r="C45" s="1177"/>
      <c r="D45" s="58"/>
      <c r="E45" s="1182" t="s">
        <v>11</v>
      </c>
      <c r="F45" s="1182"/>
      <c r="G45" s="1182"/>
      <c r="H45" s="1182"/>
      <c r="I45" s="1182"/>
      <c r="J45" s="1183"/>
      <c r="K45" s="59">
        <v>216</v>
      </c>
      <c r="L45" s="60">
        <v>215</v>
      </c>
      <c r="M45" s="60">
        <v>211</v>
      </c>
      <c r="N45" s="60">
        <v>212</v>
      </c>
      <c r="O45" s="61">
        <v>208</v>
      </c>
      <c r="P45" s="48"/>
      <c r="Q45" s="48"/>
      <c r="R45" s="48"/>
      <c r="S45" s="48"/>
      <c r="T45" s="48"/>
      <c r="U45" s="48"/>
    </row>
    <row r="46" spans="1:21" ht="30.75" customHeight="1" x14ac:dyDescent="0.2">
      <c r="A46" s="48"/>
      <c r="B46" s="1178"/>
      <c r="C46" s="1179"/>
      <c r="D46" s="62"/>
      <c r="E46" s="1155" t="s">
        <v>12</v>
      </c>
      <c r="F46" s="1155"/>
      <c r="G46" s="1155"/>
      <c r="H46" s="1155"/>
      <c r="I46" s="1155"/>
      <c r="J46" s="1156"/>
      <c r="K46" s="63" t="s">
        <v>514</v>
      </c>
      <c r="L46" s="64" t="s">
        <v>514</v>
      </c>
      <c r="M46" s="64" t="s">
        <v>514</v>
      </c>
      <c r="N46" s="64" t="s">
        <v>514</v>
      </c>
      <c r="O46" s="65" t="s">
        <v>514</v>
      </c>
      <c r="P46" s="48"/>
      <c r="Q46" s="48"/>
      <c r="R46" s="48"/>
      <c r="S46" s="48"/>
      <c r="T46" s="48"/>
      <c r="U46" s="48"/>
    </row>
    <row r="47" spans="1:21" ht="30.75" customHeight="1" x14ac:dyDescent="0.2">
      <c r="A47" s="48"/>
      <c r="B47" s="1178"/>
      <c r="C47" s="1179"/>
      <c r="D47" s="62"/>
      <c r="E47" s="1155" t="s">
        <v>13</v>
      </c>
      <c r="F47" s="1155"/>
      <c r="G47" s="1155"/>
      <c r="H47" s="1155"/>
      <c r="I47" s="1155"/>
      <c r="J47" s="1156"/>
      <c r="K47" s="63" t="s">
        <v>514</v>
      </c>
      <c r="L47" s="64" t="s">
        <v>514</v>
      </c>
      <c r="M47" s="64" t="s">
        <v>514</v>
      </c>
      <c r="N47" s="64" t="s">
        <v>514</v>
      </c>
      <c r="O47" s="65" t="s">
        <v>514</v>
      </c>
      <c r="P47" s="48"/>
      <c r="Q47" s="48"/>
      <c r="R47" s="48"/>
      <c r="S47" s="48"/>
      <c r="T47" s="48"/>
      <c r="U47" s="48"/>
    </row>
    <row r="48" spans="1:21" ht="30.75" customHeight="1" x14ac:dyDescent="0.2">
      <c r="A48" s="48"/>
      <c r="B48" s="1178"/>
      <c r="C48" s="1179"/>
      <c r="D48" s="62"/>
      <c r="E48" s="1155" t="s">
        <v>14</v>
      </c>
      <c r="F48" s="1155"/>
      <c r="G48" s="1155"/>
      <c r="H48" s="1155"/>
      <c r="I48" s="1155"/>
      <c r="J48" s="1156"/>
      <c r="K48" s="63">
        <v>316</v>
      </c>
      <c r="L48" s="64">
        <v>346</v>
      </c>
      <c r="M48" s="64">
        <v>350</v>
      </c>
      <c r="N48" s="64">
        <v>352</v>
      </c>
      <c r="O48" s="65">
        <v>335</v>
      </c>
      <c r="P48" s="48"/>
      <c r="Q48" s="48"/>
      <c r="R48" s="48"/>
      <c r="S48" s="48"/>
      <c r="T48" s="48"/>
      <c r="U48" s="48"/>
    </row>
    <row r="49" spans="1:21" ht="30.75" customHeight="1" x14ac:dyDescent="0.2">
      <c r="A49" s="48"/>
      <c r="B49" s="1178"/>
      <c r="C49" s="1179"/>
      <c r="D49" s="62"/>
      <c r="E49" s="1155" t="s">
        <v>15</v>
      </c>
      <c r="F49" s="1155"/>
      <c r="G49" s="1155"/>
      <c r="H49" s="1155"/>
      <c r="I49" s="1155"/>
      <c r="J49" s="1156"/>
      <c r="K49" s="63">
        <v>33</v>
      </c>
      <c r="L49" s="64">
        <v>31</v>
      </c>
      <c r="M49" s="64">
        <v>31</v>
      </c>
      <c r="N49" s="64">
        <v>35</v>
      </c>
      <c r="O49" s="65">
        <v>38</v>
      </c>
      <c r="P49" s="48"/>
      <c r="Q49" s="48"/>
      <c r="R49" s="48"/>
      <c r="S49" s="48"/>
      <c r="T49" s="48"/>
      <c r="U49" s="48"/>
    </row>
    <row r="50" spans="1:21" ht="30.75" customHeight="1" x14ac:dyDescent="0.2">
      <c r="A50" s="48"/>
      <c r="B50" s="1178"/>
      <c r="C50" s="1179"/>
      <c r="D50" s="62"/>
      <c r="E50" s="1155" t="s">
        <v>16</v>
      </c>
      <c r="F50" s="1155"/>
      <c r="G50" s="1155"/>
      <c r="H50" s="1155"/>
      <c r="I50" s="1155"/>
      <c r="J50" s="1156"/>
      <c r="K50" s="63" t="s">
        <v>514</v>
      </c>
      <c r="L50" s="64" t="s">
        <v>514</v>
      </c>
      <c r="M50" s="64" t="s">
        <v>514</v>
      </c>
      <c r="N50" s="64" t="s">
        <v>514</v>
      </c>
      <c r="O50" s="65" t="s">
        <v>514</v>
      </c>
      <c r="P50" s="48"/>
      <c r="Q50" s="48"/>
      <c r="R50" s="48"/>
      <c r="S50" s="48"/>
      <c r="T50" s="48"/>
      <c r="U50" s="48"/>
    </row>
    <row r="51" spans="1:21" ht="30.75" customHeight="1" x14ac:dyDescent="0.2">
      <c r="A51" s="48"/>
      <c r="B51" s="1180"/>
      <c r="C51" s="1181"/>
      <c r="D51" s="66"/>
      <c r="E51" s="1155" t="s">
        <v>17</v>
      </c>
      <c r="F51" s="1155"/>
      <c r="G51" s="1155"/>
      <c r="H51" s="1155"/>
      <c r="I51" s="1155"/>
      <c r="J51" s="1156"/>
      <c r="K51" s="63">
        <v>0</v>
      </c>
      <c r="L51" s="64">
        <v>0</v>
      </c>
      <c r="M51" s="64" t="s">
        <v>514</v>
      </c>
      <c r="N51" s="64" t="s">
        <v>514</v>
      </c>
      <c r="O51" s="65" t="s">
        <v>514</v>
      </c>
      <c r="P51" s="48"/>
      <c r="Q51" s="48"/>
      <c r="R51" s="48"/>
      <c r="S51" s="48"/>
      <c r="T51" s="48"/>
      <c r="U51" s="48"/>
    </row>
    <row r="52" spans="1:21" ht="30.75" customHeight="1" x14ac:dyDescent="0.2">
      <c r="A52" s="48"/>
      <c r="B52" s="1153" t="s">
        <v>18</v>
      </c>
      <c r="C52" s="1154"/>
      <c r="D52" s="66"/>
      <c r="E52" s="1155" t="s">
        <v>19</v>
      </c>
      <c r="F52" s="1155"/>
      <c r="G52" s="1155"/>
      <c r="H52" s="1155"/>
      <c r="I52" s="1155"/>
      <c r="J52" s="1156"/>
      <c r="K52" s="63">
        <v>425</v>
      </c>
      <c r="L52" s="64">
        <v>429</v>
      </c>
      <c r="M52" s="64">
        <v>424</v>
      </c>
      <c r="N52" s="64">
        <v>416</v>
      </c>
      <c r="O52" s="65">
        <v>399</v>
      </c>
      <c r="P52" s="48"/>
      <c r="Q52" s="48"/>
      <c r="R52" s="48"/>
      <c r="S52" s="48"/>
      <c r="T52" s="48"/>
      <c r="U52" s="48"/>
    </row>
    <row r="53" spans="1:21" ht="30.75" customHeight="1" thickBot="1" x14ac:dyDescent="0.25">
      <c r="A53" s="48"/>
      <c r="B53" s="1157" t="s">
        <v>20</v>
      </c>
      <c r="C53" s="1158"/>
      <c r="D53" s="67"/>
      <c r="E53" s="1159" t="s">
        <v>21</v>
      </c>
      <c r="F53" s="1159"/>
      <c r="G53" s="1159"/>
      <c r="H53" s="1159"/>
      <c r="I53" s="1159"/>
      <c r="J53" s="1160"/>
      <c r="K53" s="68">
        <v>140</v>
      </c>
      <c r="L53" s="69">
        <v>163</v>
      </c>
      <c r="M53" s="69">
        <v>168</v>
      </c>
      <c r="N53" s="69">
        <v>183</v>
      </c>
      <c r="O53" s="70">
        <v>182</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72</v>
      </c>
      <c r="P56" s="48"/>
      <c r="Q56" s="48"/>
      <c r="R56" s="48"/>
      <c r="S56" s="48"/>
      <c r="T56" s="48"/>
      <c r="U56" s="48"/>
    </row>
    <row r="57" spans="1:21" ht="31.5" customHeight="1" thickBot="1" x14ac:dyDescent="0.25">
      <c r="A57" s="48"/>
      <c r="B57" s="76"/>
      <c r="C57" s="77"/>
      <c r="D57" s="77"/>
      <c r="E57" s="78"/>
      <c r="F57" s="78"/>
      <c r="G57" s="78"/>
      <c r="H57" s="78"/>
      <c r="I57" s="78"/>
      <c r="J57" s="79" t="s">
        <v>2</v>
      </c>
      <c r="K57" s="80" t="s">
        <v>573</v>
      </c>
      <c r="L57" s="81" t="s">
        <v>574</v>
      </c>
      <c r="M57" s="81" t="s">
        <v>575</v>
      </c>
      <c r="N57" s="81" t="s">
        <v>576</v>
      </c>
      <c r="O57" s="82" t="s">
        <v>577</v>
      </c>
      <c r="P57" s="48"/>
      <c r="Q57" s="48"/>
      <c r="R57" s="48"/>
      <c r="S57" s="48"/>
      <c r="T57" s="48"/>
      <c r="U57" s="48"/>
    </row>
    <row r="58" spans="1:21" ht="31.5" customHeight="1" x14ac:dyDescent="0.2">
      <c r="B58" s="1161" t="s">
        <v>25</v>
      </c>
      <c r="C58" s="1162"/>
      <c r="D58" s="1167" t="s">
        <v>26</v>
      </c>
      <c r="E58" s="1168"/>
      <c r="F58" s="1168"/>
      <c r="G58" s="1168"/>
      <c r="H58" s="1168"/>
      <c r="I58" s="1168"/>
      <c r="J58" s="1169"/>
      <c r="K58" s="83"/>
      <c r="L58" s="84"/>
      <c r="M58" s="84"/>
      <c r="N58" s="84"/>
      <c r="O58" s="85"/>
    </row>
    <row r="59" spans="1:21" ht="31.5" customHeight="1" x14ac:dyDescent="0.2">
      <c r="B59" s="1163"/>
      <c r="C59" s="1164"/>
      <c r="D59" s="1170" t="s">
        <v>27</v>
      </c>
      <c r="E59" s="1171"/>
      <c r="F59" s="1171"/>
      <c r="G59" s="1171"/>
      <c r="H59" s="1171"/>
      <c r="I59" s="1171"/>
      <c r="J59" s="1172"/>
      <c r="K59" s="86"/>
      <c r="L59" s="87"/>
      <c r="M59" s="87"/>
      <c r="N59" s="87"/>
      <c r="O59" s="88"/>
    </row>
    <row r="60" spans="1:21" ht="31.5" customHeight="1" thickBot="1" x14ac:dyDescent="0.25">
      <c r="B60" s="1165"/>
      <c r="C60" s="1166"/>
      <c r="D60" s="1173" t="s">
        <v>28</v>
      </c>
      <c r="E60" s="1174"/>
      <c r="F60" s="1174"/>
      <c r="G60" s="1174"/>
      <c r="H60" s="1174"/>
      <c r="I60" s="1174"/>
      <c r="J60" s="1175"/>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sTcLdWEILAS7o/ngcU3+xNa88MPOq+6pbt0DWoAsukEEijCwTNSa9VRQmOcsvulllcNTiKdfbokbFTdgQNHQ5g==" saltValue="9NxE/sGZoQcISl7LJbjrl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56</v>
      </c>
      <c r="J40" s="103" t="s">
        <v>557</v>
      </c>
      <c r="K40" s="103" t="s">
        <v>558</v>
      </c>
      <c r="L40" s="103" t="s">
        <v>559</v>
      </c>
      <c r="M40" s="104" t="s">
        <v>560</v>
      </c>
    </row>
    <row r="41" spans="2:13" ht="27.75" customHeight="1" x14ac:dyDescent="0.2">
      <c r="B41" s="1196" t="s">
        <v>31</v>
      </c>
      <c r="C41" s="1197"/>
      <c r="D41" s="105"/>
      <c r="E41" s="1198" t="s">
        <v>32</v>
      </c>
      <c r="F41" s="1198"/>
      <c r="G41" s="1198"/>
      <c r="H41" s="1199"/>
      <c r="I41" s="355">
        <v>2186</v>
      </c>
      <c r="J41" s="356">
        <v>2074</v>
      </c>
      <c r="K41" s="356">
        <v>1965</v>
      </c>
      <c r="L41" s="356">
        <v>1828</v>
      </c>
      <c r="M41" s="357">
        <v>1653</v>
      </c>
    </row>
    <row r="42" spans="2:13" ht="27.75" customHeight="1" x14ac:dyDescent="0.2">
      <c r="B42" s="1186"/>
      <c r="C42" s="1187"/>
      <c r="D42" s="106"/>
      <c r="E42" s="1190" t="s">
        <v>33</v>
      </c>
      <c r="F42" s="1190"/>
      <c r="G42" s="1190"/>
      <c r="H42" s="1191"/>
      <c r="I42" s="358" t="s">
        <v>514</v>
      </c>
      <c r="J42" s="359" t="s">
        <v>514</v>
      </c>
      <c r="K42" s="359" t="s">
        <v>514</v>
      </c>
      <c r="L42" s="359" t="s">
        <v>514</v>
      </c>
      <c r="M42" s="360" t="s">
        <v>514</v>
      </c>
    </row>
    <row r="43" spans="2:13" ht="27.75" customHeight="1" x14ac:dyDescent="0.2">
      <c r="B43" s="1186"/>
      <c r="C43" s="1187"/>
      <c r="D43" s="106"/>
      <c r="E43" s="1190" t="s">
        <v>34</v>
      </c>
      <c r="F43" s="1190"/>
      <c r="G43" s="1190"/>
      <c r="H43" s="1191"/>
      <c r="I43" s="358">
        <v>3654</v>
      </c>
      <c r="J43" s="359">
        <v>3427</v>
      </c>
      <c r="K43" s="359">
        <v>3130</v>
      </c>
      <c r="L43" s="359">
        <v>2868</v>
      </c>
      <c r="M43" s="360">
        <v>2610</v>
      </c>
    </row>
    <row r="44" spans="2:13" ht="27.75" customHeight="1" x14ac:dyDescent="0.2">
      <c r="B44" s="1186"/>
      <c r="C44" s="1187"/>
      <c r="D44" s="106"/>
      <c r="E44" s="1190" t="s">
        <v>35</v>
      </c>
      <c r="F44" s="1190"/>
      <c r="G44" s="1190"/>
      <c r="H44" s="1191"/>
      <c r="I44" s="358">
        <v>457</v>
      </c>
      <c r="J44" s="359">
        <v>398</v>
      </c>
      <c r="K44" s="359">
        <v>342</v>
      </c>
      <c r="L44" s="359">
        <v>297</v>
      </c>
      <c r="M44" s="360">
        <v>263</v>
      </c>
    </row>
    <row r="45" spans="2:13" ht="27.75" customHeight="1" x14ac:dyDescent="0.2">
      <c r="B45" s="1186"/>
      <c r="C45" s="1187"/>
      <c r="D45" s="106"/>
      <c r="E45" s="1190" t="s">
        <v>36</v>
      </c>
      <c r="F45" s="1190"/>
      <c r="G45" s="1190"/>
      <c r="H45" s="1191"/>
      <c r="I45" s="358">
        <v>1269</v>
      </c>
      <c r="J45" s="359">
        <v>1256</v>
      </c>
      <c r="K45" s="359">
        <v>1224</v>
      </c>
      <c r="L45" s="359">
        <v>1234</v>
      </c>
      <c r="M45" s="360">
        <v>1237</v>
      </c>
    </row>
    <row r="46" spans="2:13" ht="27.75" customHeight="1" x14ac:dyDescent="0.2">
      <c r="B46" s="1186"/>
      <c r="C46" s="1187"/>
      <c r="D46" s="107"/>
      <c r="E46" s="1190" t="s">
        <v>37</v>
      </c>
      <c r="F46" s="1190"/>
      <c r="G46" s="1190"/>
      <c r="H46" s="1191"/>
      <c r="I46" s="358" t="s">
        <v>514</v>
      </c>
      <c r="J46" s="359" t="s">
        <v>514</v>
      </c>
      <c r="K46" s="359" t="s">
        <v>514</v>
      </c>
      <c r="L46" s="359" t="s">
        <v>514</v>
      </c>
      <c r="M46" s="360" t="s">
        <v>514</v>
      </c>
    </row>
    <row r="47" spans="2:13" ht="27.75" customHeight="1" x14ac:dyDescent="0.2">
      <c r="B47" s="1186"/>
      <c r="C47" s="1187"/>
      <c r="D47" s="108"/>
      <c r="E47" s="1200" t="s">
        <v>38</v>
      </c>
      <c r="F47" s="1201"/>
      <c r="G47" s="1201"/>
      <c r="H47" s="1202"/>
      <c r="I47" s="358" t="s">
        <v>514</v>
      </c>
      <c r="J47" s="359" t="s">
        <v>514</v>
      </c>
      <c r="K47" s="359" t="s">
        <v>514</v>
      </c>
      <c r="L47" s="359" t="s">
        <v>514</v>
      </c>
      <c r="M47" s="360" t="s">
        <v>514</v>
      </c>
    </row>
    <row r="48" spans="2:13" ht="27.75" customHeight="1" x14ac:dyDescent="0.2">
      <c r="B48" s="1186"/>
      <c r="C48" s="1187"/>
      <c r="D48" s="106"/>
      <c r="E48" s="1190" t="s">
        <v>39</v>
      </c>
      <c r="F48" s="1190"/>
      <c r="G48" s="1190"/>
      <c r="H48" s="1191"/>
      <c r="I48" s="358" t="s">
        <v>514</v>
      </c>
      <c r="J48" s="359" t="s">
        <v>514</v>
      </c>
      <c r="K48" s="359" t="s">
        <v>514</v>
      </c>
      <c r="L48" s="359" t="s">
        <v>514</v>
      </c>
      <c r="M48" s="360" t="s">
        <v>514</v>
      </c>
    </row>
    <row r="49" spans="2:13" ht="27.75" customHeight="1" x14ac:dyDescent="0.2">
      <c r="B49" s="1188"/>
      <c r="C49" s="1189"/>
      <c r="D49" s="106"/>
      <c r="E49" s="1190" t="s">
        <v>40</v>
      </c>
      <c r="F49" s="1190"/>
      <c r="G49" s="1190"/>
      <c r="H49" s="1191"/>
      <c r="I49" s="358" t="s">
        <v>514</v>
      </c>
      <c r="J49" s="359" t="s">
        <v>514</v>
      </c>
      <c r="K49" s="359" t="s">
        <v>514</v>
      </c>
      <c r="L49" s="359" t="s">
        <v>514</v>
      </c>
      <c r="M49" s="360" t="s">
        <v>514</v>
      </c>
    </row>
    <row r="50" spans="2:13" ht="27.75" customHeight="1" x14ac:dyDescent="0.2">
      <c r="B50" s="1184" t="s">
        <v>41</v>
      </c>
      <c r="C50" s="1185"/>
      <c r="D50" s="109"/>
      <c r="E50" s="1190" t="s">
        <v>42</v>
      </c>
      <c r="F50" s="1190"/>
      <c r="G50" s="1190"/>
      <c r="H50" s="1191"/>
      <c r="I50" s="358">
        <v>4586</v>
      </c>
      <c r="J50" s="359">
        <v>4625</v>
      </c>
      <c r="K50" s="359">
        <v>5111</v>
      </c>
      <c r="L50" s="359">
        <v>5831</v>
      </c>
      <c r="M50" s="360">
        <v>6548</v>
      </c>
    </row>
    <row r="51" spans="2:13" ht="27.75" customHeight="1" x14ac:dyDescent="0.2">
      <c r="B51" s="1186"/>
      <c r="C51" s="1187"/>
      <c r="D51" s="106"/>
      <c r="E51" s="1190" t="s">
        <v>43</v>
      </c>
      <c r="F51" s="1190"/>
      <c r="G51" s="1190"/>
      <c r="H51" s="1191"/>
      <c r="I51" s="358">
        <v>40</v>
      </c>
      <c r="J51" s="359">
        <v>22</v>
      </c>
      <c r="K51" s="359">
        <v>11</v>
      </c>
      <c r="L51" s="359">
        <v>5</v>
      </c>
      <c r="M51" s="360">
        <v>4</v>
      </c>
    </row>
    <row r="52" spans="2:13" ht="27.75" customHeight="1" x14ac:dyDescent="0.2">
      <c r="B52" s="1188"/>
      <c r="C52" s="1189"/>
      <c r="D52" s="106"/>
      <c r="E52" s="1190" t="s">
        <v>44</v>
      </c>
      <c r="F52" s="1190"/>
      <c r="G52" s="1190"/>
      <c r="H52" s="1191"/>
      <c r="I52" s="358">
        <v>4255</v>
      </c>
      <c r="J52" s="359">
        <v>3942</v>
      </c>
      <c r="K52" s="359">
        <v>3627</v>
      </c>
      <c r="L52" s="359">
        <v>3318</v>
      </c>
      <c r="M52" s="360">
        <v>2975</v>
      </c>
    </row>
    <row r="53" spans="2:13" ht="27.75" customHeight="1" thickBot="1" x14ac:dyDescent="0.25">
      <c r="B53" s="1192" t="s">
        <v>45</v>
      </c>
      <c r="C53" s="1193"/>
      <c r="D53" s="110"/>
      <c r="E53" s="1194" t="s">
        <v>46</v>
      </c>
      <c r="F53" s="1194"/>
      <c r="G53" s="1194"/>
      <c r="H53" s="1195"/>
      <c r="I53" s="361">
        <v>-1315</v>
      </c>
      <c r="J53" s="362">
        <v>-1435</v>
      </c>
      <c r="K53" s="362">
        <v>-2089</v>
      </c>
      <c r="L53" s="362">
        <v>-2927</v>
      </c>
      <c r="M53" s="363">
        <v>-3764</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iAWDoTFPNiXmrixRjUvpMZINY2LuchbdUPzuyShlJyzeqLiyUVQ1aSvTS3D/GaLAgy80Z2qq4ip40yy1qPnRHw==" saltValue="xwwhpMFYKFi510aRy70fh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58</v>
      </c>
      <c r="G54" s="119" t="s">
        <v>559</v>
      </c>
      <c r="H54" s="120" t="s">
        <v>560</v>
      </c>
    </row>
    <row r="55" spans="2:8" ht="52.5" customHeight="1" x14ac:dyDescent="0.2">
      <c r="B55" s="121"/>
      <c r="C55" s="1211" t="s">
        <v>49</v>
      </c>
      <c r="D55" s="1211"/>
      <c r="E55" s="1212"/>
      <c r="F55" s="122">
        <v>1621</v>
      </c>
      <c r="G55" s="122">
        <v>1764</v>
      </c>
      <c r="H55" s="123">
        <v>1839</v>
      </c>
    </row>
    <row r="56" spans="2:8" ht="52.5" customHeight="1" x14ac:dyDescent="0.2">
      <c r="B56" s="124"/>
      <c r="C56" s="1213" t="s">
        <v>50</v>
      </c>
      <c r="D56" s="1213"/>
      <c r="E56" s="1214"/>
      <c r="F56" s="125">
        <v>1100</v>
      </c>
      <c r="G56" s="125">
        <v>1212</v>
      </c>
      <c r="H56" s="126">
        <v>1273</v>
      </c>
    </row>
    <row r="57" spans="2:8" ht="53.25" customHeight="1" x14ac:dyDescent="0.2">
      <c r="B57" s="124"/>
      <c r="C57" s="1215" t="s">
        <v>51</v>
      </c>
      <c r="D57" s="1215"/>
      <c r="E57" s="1216"/>
      <c r="F57" s="127">
        <v>2259</v>
      </c>
      <c r="G57" s="127">
        <v>2674</v>
      </c>
      <c r="H57" s="128">
        <v>3230</v>
      </c>
    </row>
    <row r="58" spans="2:8" ht="45.75" customHeight="1" x14ac:dyDescent="0.2">
      <c r="B58" s="129"/>
      <c r="C58" s="1203" t="s">
        <v>597</v>
      </c>
      <c r="D58" s="1204"/>
      <c r="E58" s="1205"/>
      <c r="F58" s="130">
        <v>953</v>
      </c>
      <c r="G58" s="130">
        <v>1304</v>
      </c>
      <c r="H58" s="131">
        <v>1704</v>
      </c>
    </row>
    <row r="59" spans="2:8" ht="45.75" customHeight="1" x14ac:dyDescent="0.2">
      <c r="B59" s="129"/>
      <c r="C59" s="1203" t="s">
        <v>593</v>
      </c>
      <c r="D59" s="1204"/>
      <c r="E59" s="1205"/>
      <c r="F59" s="130">
        <v>733</v>
      </c>
      <c r="G59" s="130">
        <v>761</v>
      </c>
      <c r="H59" s="131">
        <v>789</v>
      </c>
    </row>
    <row r="60" spans="2:8" ht="45.75" customHeight="1" x14ac:dyDescent="0.2">
      <c r="B60" s="129"/>
      <c r="C60" s="1203" t="s">
        <v>594</v>
      </c>
      <c r="D60" s="1204"/>
      <c r="E60" s="1205"/>
      <c r="F60" s="130">
        <v>390</v>
      </c>
      <c r="G60" s="130">
        <v>436</v>
      </c>
      <c r="H60" s="131">
        <v>476</v>
      </c>
    </row>
    <row r="61" spans="2:8" ht="45.75" customHeight="1" x14ac:dyDescent="0.2">
      <c r="B61" s="129"/>
      <c r="C61" s="1203" t="s">
        <v>595</v>
      </c>
      <c r="D61" s="1204"/>
      <c r="E61" s="1205"/>
      <c r="F61" s="130">
        <v>43</v>
      </c>
      <c r="G61" s="130">
        <v>70</v>
      </c>
      <c r="H61" s="131">
        <v>100</v>
      </c>
    </row>
    <row r="62" spans="2:8" ht="45.75" customHeight="1" thickBot="1" x14ac:dyDescent="0.25">
      <c r="B62" s="132"/>
      <c r="C62" s="1206" t="s">
        <v>596</v>
      </c>
      <c r="D62" s="1207"/>
      <c r="E62" s="1208"/>
      <c r="F62" s="133">
        <v>20</v>
      </c>
      <c r="G62" s="133">
        <v>18</v>
      </c>
      <c r="H62" s="134">
        <v>62</v>
      </c>
    </row>
    <row r="63" spans="2:8" ht="52.5" customHeight="1" thickBot="1" x14ac:dyDescent="0.25">
      <c r="B63" s="135"/>
      <c r="C63" s="1209" t="s">
        <v>52</v>
      </c>
      <c r="D63" s="1209"/>
      <c r="E63" s="1210"/>
      <c r="F63" s="136">
        <v>4981</v>
      </c>
      <c r="G63" s="136">
        <v>5650</v>
      </c>
      <c r="H63" s="137">
        <v>6343</v>
      </c>
    </row>
    <row r="64" spans="2:8" ht="13.2" x14ac:dyDescent="0.2"/>
  </sheetData>
  <sheetProtection algorithmName="SHA-512" hashValue="qkg4T5qf0dojqnk31zV3Xke1kV9cWilsxeFtKBcvgjMD+I2l8S3iB6Jo9oXr8vldyrOjYPx70/GoOC9+Ll18ow==" saltValue="3ZA/dt6EiHtMEGl7Lzj8A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53</v>
      </c>
      <c r="G2" s="151"/>
      <c r="H2" s="152"/>
    </row>
    <row r="3" spans="1:8" x14ac:dyDescent="0.2">
      <c r="A3" s="148" t="s">
        <v>546</v>
      </c>
      <c r="B3" s="153"/>
      <c r="C3" s="154"/>
      <c r="D3" s="155">
        <v>247248</v>
      </c>
      <c r="E3" s="156"/>
      <c r="F3" s="157">
        <v>121449</v>
      </c>
      <c r="G3" s="158"/>
      <c r="H3" s="159"/>
    </row>
    <row r="4" spans="1:8" x14ac:dyDescent="0.2">
      <c r="A4" s="160"/>
      <c r="B4" s="161"/>
      <c r="C4" s="162"/>
      <c r="D4" s="163">
        <v>245557</v>
      </c>
      <c r="E4" s="164"/>
      <c r="F4" s="165">
        <v>62922</v>
      </c>
      <c r="G4" s="166"/>
      <c r="H4" s="167"/>
    </row>
    <row r="5" spans="1:8" x14ac:dyDescent="0.2">
      <c r="A5" s="148" t="s">
        <v>548</v>
      </c>
      <c r="B5" s="153"/>
      <c r="C5" s="154"/>
      <c r="D5" s="155">
        <v>266730</v>
      </c>
      <c r="E5" s="156"/>
      <c r="F5" s="157">
        <v>145139</v>
      </c>
      <c r="G5" s="158"/>
      <c r="H5" s="159"/>
    </row>
    <row r="6" spans="1:8" x14ac:dyDescent="0.2">
      <c r="A6" s="160"/>
      <c r="B6" s="161"/>
      <c r="C6" s="162"/>
      <c r="D6" s="163">
        <v>257762</v>
      </c>
      <c r="E6" s="164"/>
      <c r="F6" s="165">
        <v>83762</v>
      </c>
      <c r="G6" s="166"/>
      <c r="H6" s="167"/>
    </row>
    <row r="7" spans="1:8" x14ac:dyDescent="0.2">
      <c r="A7" s="148" t="s">
        <v>549</v>
      </c>
      <c r="B7" s="153"/>
      <c r="C7" s="154"/>
      <c r="D7" s="155">
        <v>149037</v>
      </c>
      <c r="E7" s="156"/>
      <c r="F7" s="157">
        <v>332350</v>
      </c>
      <c r="G7" s="158"/>
      <c r="H7" s="159"/>
    </row>
    <row r="8" spans="1:8" x14ac:dyDescent="0.2">
      <c r="A8" s="160"/>
      <c r="B8" s="161"/>
      <c r="C8" s="162"/>
      <c r="D8" s="163">
        <v>140211</v>
      </c>
      <c r="E8" s="164"/>
      <c r="F8" s="165">
        <v>200453</v>
      </c>
      <c r="G8" s="166"/>
      <c r="H8" s="167"/>
    </row>
    <row r="9" spans="1:8" x14ac:dyDescent="0.2">
      <c r="A9" s="148" t="s">
        <v>550</v>
      </c>
      <c r="B9" s="153"/>
      <c r="C9" s="154"/>
      <c r="D9" s="155">
        <v>153422</v>
      </c>
      <c r="E9" s="156"/>
      <c r="F9" s="157">
        <v>362690</v>
      </c>
      <c r="G9" s="158"/>
      <c r="H9" s="159"/>
    </row>
    <row r="10" spans="1:8" x14ac:dyDescent="0.2">
      <c r="A10" s="160"/>
      <c r="B10" s="161"/>
      <c r="C10" s="162"/>
      <c r="D10" s="163">
        <v>125520</v>
      </c>
      <c r="E10" s="164"/>
      <c r="F10" s="165">
        <v>172580</v>
      </c>
      <c r="G10" s="166"/>
      <c r="H10" s="167"/>
    </row>
    <row r="11" spans="1:8" x14ac:dyDescent="0.2">
      <c r="A11" s="148" t="s">
        <v>551</v>
      </c>
      <c r="B11" s="153"/>
      <c r="C11" s="154"/>
      <c r="D11" s="155">
        <v>179003</v>
      </c>
      <c r="E11" s="156"/>
      <c r="F11" s="157">
        <v>296093</v>
      </c>
      <c r="G11" s="158"/>
      <c r="H11" s="159"/>
    </row>
    <row r="12" spans="1:8" x14ac:dyDescent="0.2">
      <c r="A12" s="160"/>
      <c r="B12" s="161"/>
      <c r="C12" s="168"/>
      <c r="D12" s="163">
        <v>156883</v>
      </c>
      <c r="E12" s="164"/>
      <c r="F12" s="165">
        <v>140545</v>
      </c>
      <c r="G12" s="166"/>
      <c r="H12" s="167"/>
    </row>
    <row r="13" spans="1:8" x14ac:dyDescent="0.2">
      <c r="A13" s="148"/>
      <c r="B13" s="153"/>
      <c r="C13" s="169"/>
      <c r="D13" s="170">
        <v>199088</v>
      </c>
      <c r="E13" s="171"/>
      <c r="F13" s="172">
        <v>251544</v>
      </c>
      <c r="G13" s="173"/>
      <c r="H13" s="159"/>
    </row>
    <row r="14" spans="1:8" x14ac:dyDescent="0.2">
      <c r="A14" s="160"/>
      <c r="B14" s="161"/>
      <c r="C14" s="162"/>
      <c r="D14" s="163">
        <v>185187</v>
      </c>
      <c r="E14" s="164"/>
      <c r="F14" s="165">
        <v>132052</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6.36</v>
      </c>
      <c r="C19" s="174">
        <f>ROUND(VALUE(SUBSTITUTE(実質収支比率等に係る経年分析!G$48,"▲","-")),2)</f>
        <v>7.53</v>
      </c>
      <c r="D19" s="174">
        <f>ROUND(VALUE(SUBSTITUTE(実質収支比率等に係る経年分析!H$48,"▲","-")),2)</f>
        <v>9.3000000000000007</v>
      </c>
      <c r="E19" s="174">
        <f>ROUND(VALUE(SUBSTITUTE(実質収支比率等に係る経年分析!I$48,"▲","-")),2)</f>
        <v>13.75</v>
      </c>
      <c r="F19" s="174">
        <f>ROUND(VALUE(SUBSTITUTE(実質収支比率等に係る経年分析!J$48,"▲","-")),2)</f>
        <v>8.58</v>
      </c>
    </row>
    <row r="20" spans="1:11" x14ac:dyDescent="0.2">
      <c r="A20" s="174" t="s">
        <v>56</v>
      </c>
      <c r="B20" s="174">
        <f>ROUND(VALUE(SUBSTITUTE(実質収支比率等に係る経年分析!F$47,"▲","-")),2)</f>
        <v>55.48</v>
      </c>
      <c r="C20" s="174">
        <f>ROUND(VALUE(SUBSTITUTE(実質収支比率等に係る経年分析!G$47,"▲","-")),2)</f>
        <v>57.85</v>
      </c>
      <c r="D20" s="174">
        <f>ROUND(VALUE(SUBSTITUTE(実質収支比率等に係る経年分析!H$47,"▲","-")),2)</f>
        <v>59.74</v>
      </c>
      <c r="E20" s="174">
        <f>ROUND(VALUE(SUBSTITUTE(実質収支比率等に係る経年分析!I$47,"▲","-")),2)</f>
        <v>60.58</v>
      </c>
      <c r="F20" s="174">
        <f>ROUND(VALUE(SUBSTITUTE(実質収支比率等に係る経年分析!J$47,"▲","-")),2)</f>
        <v>65.040000000000006</v>
      </c>
    </row>
    <row r="21" spans="1:11" x14ac:dyDescent="0.2">
      <c r="A21" s="174" t="s">
        <v>57</v>
      </c>
      <c r="B21" s="174">
        <f>IF(ISNUMBER(VALUE(SUBSTITUTE(実質収支比率等に係る経年分析!F$49,"▲","-"))),ROUND(VALUE(SUBSTITUTE(実質収支比率等に係る経年分析!F$49,"▲","-")),2),NA())</f>
        <v>2.88</v>
      </c>
      <c r="C21" s="174">
        <f>IF(ISNUMBER(VALUE(SUBSTITUTE(実質収支比率等に係る経年分析!G$49,"▲","-"))),ROUND(VALUE(SUBSTITUTE(実質収支比率等に係る経年分析!G$49,"▲","-")),2),NA())</f>
        <v>4.2699999999999996</v>
      </c>
      <c r="D21" s="174">
        <f>IF(ISNUMBER(VALUE(SUBSTITUTE(実質収支比率等に係る経年分析!H$49,"▲","-"))),ROUND(VALUE(SUBSTITUTE(実質収支比率等に係る経年分析!H$49,"▲","-")),2),NA())</f>
        <v>6.87</v>
      </c>
      <c r="E21" s="174">
        <f>IF(ISNUMBER(VALUE(SUBSTITUTE(実質収支比率等に係る経年分析!I$49,"▲","-"))),ROUND(VALUE(SUBSTITUTE(実質収支比率等に係る経年分析!I$49,"▲","-")),2),NA())</f>
        <v>9.9600000000000009</v>
      </c>
      <c r="F21" s="174">
        <f>IF(ISNUMBER(VALUE(SUBSTITUTE(実質収支比率等に係る経年分析!J$49,"▲","-"))),ROUND(VALUE(SUBSTITUTE(実質収支比率等に係る経年分析!J$49,"▲","-")),2),NA())</f>
        <v>-2.89</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山のふるさと村管理運営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14000000000000001</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06</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08</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01</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v>
      </c>
    </row>
    <row r="30" spans="1:11" x14ac:dyDescent="0.2">
      <c r="A30" s="175" t="str">
        <f>IF(連結実質赤字比率に係る赤字・黒字の構成分析!C$40="",NA(),連結実質赤字比率に係る赤字・黒字の構成分析!C$40)</f>
        <v>下水道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v>
      </c>
    </row>
    <row r="31" spans="1:11" x14ac:dyDescent="0.2">
      <c r="A31" s="175" t="str">
        <f>IF(連結実質赤字比率に係る赤字・黒字の構成分析!C$39="",NA(),連結実質赤字比率に係る赤字・黒字の構成分析!C$39)</f>
        <v>後期高齢者医療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37</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22</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22</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2</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23</v>
      </c>
    </row>
    <row r="32" spans="1:11" x14ac:dyDescent="0.2">
      <c r="A32" s="175" t="str">
        <f>IF(連結実質赤字比率に係る赤字・黒字の構成分析!C$38="",NA(),連結実質赤字比率に係る赤字・黒字の構成分析!C$38)</f>
        <v>都民の森管理運営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15</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2</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2</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7</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56999999999999995</v>
      </c>
    </row>
    <row r="33" spans="1:16" x14ac:dyDescent="0.2">
      <c r="A33" s="175" t="str">
        <f>IF(連結実質赤字比率に係る赤字・黒字の構成分析!C$37="",NA(),連結実質赤字比率に係る赤字・黒字の構成分析!C$37)</f>
        <v>国民健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86</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7</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04</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05</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01</v>
      </c>
    </row>
    <row r="34" spans="1:16" x14ac:dyDescent="0.2">
      <c r="A34" s="175" t="str">
        <f>IF(連結実質赤字比率に係る赤字・黒字の構成分析!C$36="",NA(),連結実質赤字比率に係る赤字・黒字の構成分析!C$36)</f>
        <v>介護保険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61</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62</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56999999999999995</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41</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94</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6.06</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7.26</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9</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3.45</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8</v>
      </c>
    </row>
    <row r="36" spans="1:16" x14ac:dyDescent="0.2">
      <c r="A36" s="175" t="str">
        <f>IF(連結実質赤字比率に係る赤字・黒字の構成分析!C$34="",NA(),連結実質赤字比率に係る赤字・黒字の構成分析!C$34)</f>
        <v>病院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1.17</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1.79</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3.54</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3.4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4.42</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425</v>
      </c>
      <c r="E42" s="176"/>
      <c r="F42" s="176"/>
      <c r="G42" s="176">
        <f>'実質公債費比率（分子）の構造'!L$52</f>
        <v>429</v>
      </c>
      <c r="H42" s="176"/>
      <c r="I42" s="176"/>
      <c r="J42" s="176">
        <f>'実質公債費比率（分子）の構造'!M$52</f>
        <v>424</v>
      </c>
      <c r="K42" s="176"/>
      <c r="L42" s="176"/>
      <c r="M42" s="176">
        <f>'実質公債費比率（分子）の構造'!N$52</f>
        <v>416</v>
      </c>
      <c r="N42" s="176"/>
      <c r="O42" s="176"/>
      <c r="P42" s="176">
        <f>'実質公債費比率（分子）の構造'!O$52</f>
        <v>399</v>
      </c>
    </row>
    <row r="43" spans="1:16" x14ac:dyDescent="0.2">
      <c r="A43" s="176" t="s">
        <v>65</v>
      </c>
      <c r="B43" s="176">
        <f>'実質公債費比率（分子）の構造'!K$51</f>
        <v>0</v>
      </c>
      <c r="C43" s="176"/>
      <c r="D43" s="176"/>
      <c r="E43" s="176">
        <f>'実質公債費比率（分子）の構造'!L$51</f>
        <v>0</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7</v>
      </c>
      <c r="B45" s="176">
        <f>'実質公債費比率（分子）の構造'!K$49</f>
        <v>33</v>
      </c>
      <c r="C45" s="176"/>
      <c r="D45" s="176"/>
      <c r="E45" s="176">
        <f>'実質公債費比率（分子）の構造'!L$49</f>
        <v>31</v>
      </c>
      <c r="F45" s="176"/>
      <c r="G45" s="176"/>
      <c r="H45" s="176">
        <f>'実質公債費比率（分子）の構造'!M$49</f>
        <v>31</v>
      </c>
      <c r="I45" s="176"/>
      <c r="J45" s="176"/>
      <c r="K45" s="176">
        <f>'実質公債費比率（分子）の構造'!N$49</f>
        <v>35</v>
      </c>
      <c r="L45" s="176"/>
      <c r="M45" s="176"/>
      <c r="N45" s="176">
        <f>'実質公債費比率（分子）の構造'!O$49</f>
        <v>38</v>
      </c>
      <c r="O45" s="176"/>
      <c r="P45" s="176"/>
    </row>
    <row r="46" spans="1:16" x14ac:dyDescent="0.2">
      <c r="A46" s="176" t="s">
        <v>68</v>
      </c>
      <c r="B46" s="176">
        <f>'実質公債費比率（分子）の構造'!K$48</f>
        <v>316</v>
      </c>
      <c r="C46" s="176"/>
      <c r="D46" s="176"/>
      <c r="E46" s="176">
        <f>'実質公債費比率（分子）の構造'!L$48</f>
        <v>346</v>
      </c>
      <c r="F46" s="176"/>
      <c r="G46" s="176"/>
      <c r="H46" s="176">
        <f>'実質公債費比率（分子）の構造'!M$48</f>
        <v>350</v>
      </c>
      <c r="I46" s="176"/>
      <c r="J46" s="176"/>
      <c r="K46" s="176">
        <f>'実質公債費比率（分子）の構造'!N$48</f>
        <v>352</v>
      </c>
      <c r="L46" s="176"/>
      <c r="M46" s="176"/>
      <c r="N46" s="176">
        <f>'実質公債費比率（分子）の構造'!O$48</f>
        <v>335</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216</v>
      </c>
      <c r="C49" s="176"/>
      <c r="D49" s="176"/>
      <c r="E49" s="176">
        <f>'実質公債費比率（分子）の構造'!L$45</f>
        <v>215</v>
      </c>
      <c r="F49" s="176"/>
      <c r="G49" s="176"/>
      <c r="H49" s="176">
        <f>'実質公債費比率（分子）の構造'!M$45</f>
        <v>211</v>
      </c>
      <c r="I49" s="176"/>
      <c r="J49" s="176"/>
      <c r="K49" s="176">
        <f>'実質公債費比率（分子）の構造'!N$45</f>
        <v>212</v>
      </c>
      <c r="L49" s="176"/>
      <c r="M49" s="176"/>
      <c r="N49" s="176">
        <f>'実質公債費比率（分子）の構造'!O$45</f>
        <v>208</v>
      </c>
      <c r="O49" s="176"/>
      <c r="P49" s="176"/>
    </row>
    <row r="50" spans="1:16" x14ac:dyDescent="0.2">
      <c r="A50" s="176" t="s">
        <v>72</v>
      </c>
      <c r="B50" s="176" t="e">
        <f>NA()</f>
        <v>#N/A</v>
      </c>
      <c r="C50" s="176">
        <f>IF(ISNUMBER('実質公債費比率（分子）の構造'!K$53),'実質公債費比率（分子）の構造'!K$53,NA())</f>
        <v>140</v>
      </c>
      <c r="D50" s="176" t="e">
        <f>NA()</f>
        <v>#N/A</v>
      </c>
      <c r="E50" s="176" t="e">
        <f>NA()</f>
        <v>#N/A</v>
      </c>
      <c r="F50" s="176">
        <f>IF(ISNUMBER('実質公債費比率（分子）の構造'!L$53),'実質公債費比率（分子）の構造'!L$53,NA())</f>
        <v>163</v>
      </c>
      <c r="G50" s="176" t="e">
        <f>NA()</f>
        <v>#N/A</v>
      </c>
      <c r="H50" s="176" t="e">
        <f>NA()</f>
        <v>#N/A</v>
      </c>
      <c r="I50" s="176">
        <f>IF(ISNUMBER('実質公債費比率（分子）の構造'!M$53),'実質公債費比率（分子）の構造'!M$53,NA())</f>
        <v>168</v>
      </c>
      <c r="J50" s="176" t="e">
        <f>NA()</f>
        <v>#N/A</v>
      </c>
      <c r="K50" s="176" t="e">
        <f>NA()</f>
        <v>#N/A</v>
      </c>
      <c r="L50" s="176">
        <f>IF(ISNUMBER('実質公債費比率（分子）の構造'!N$53),'実質公債費比率（分子）の構造'!N$53,NA())</f>
        <v>183</v>
      </c>
      <c r="M50" s="176" t="e">
        <f>NA()</f>
        <v>#N/A</v>
      </c>
      <c r="N50" s="176" t="e">
        <f>NA()</f>
        <v>#N/A</v>
      </c>
      <c r="O50" s="176">
        <f>IF(ISNUMBER('実質公債費比率（分子）の構造'!O$53),'実質公債費比率（分子）の構造'!O$53,NA())</f>
        <v>182</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4255</v>
      </c>
      <c r="E56" s="175"/>
      <c r="F56" s="175"/>
      <c r="G56" s="175">
        <f>'将来負担比率（分子）の構造'!J$52</f>
        <v>3942</v>
      </c>
      <c r="H56" s="175"/>
      <c r="I56" s="175"/>
      <c r="J56" s="175">
        <f>'将来負担比率（分子）の構造'!K$52</f>
        <v>3627</v>
      </c>
      <c r="K56" s="175"/>
      <c r="L56" s="175"/>
      <c r="M56" s="175">
        <f>'将来負担比率（分子）の構造'!L$52</f>
        <v>3318</v>
      </c>
      <c r="N56" s="175"/>
      <c r="O56" s="175"/>
      <c r="P56" s="175">
        <f>'将来負担比率（分子）の構造'!M$52</f>
        <v>2975</v>
      </c>
    </row>
    <row r="57" spans="1:16" x14ac:dyDescent="0.2">
      <c r="A57" s="175" t="s">
        <v>43</v>
      </c>
      <c r="B57" s="175"/>
      <c r="C57" s="175"/>
      <c r="D57" s="175">
        <f>'将来負担比率（分子）の構造'!I$51</f>
        <v>40</v>
      </c>
      <c r="E57" s="175"/>
      <c r="F57" s="175"/>
      <c r="G57" s="175">
        <f>'将来負担比率（分子）の構造'!J$51</f>
        <v>22</v>
      </c>
      <c r="H57" s="175"/>
      <c r="I57" s="175"/>
      <c r="J57" s="175">
        <f>'将来負担比率（分子）の構造'!K$51</f>
        <v>11</v>
      </c>
      <c r="K57" s="175"/>
      <c r="L57" s="175"/>
      <c r="M57" s="175">
        <f>'将来負担比率（分子）の構造'!L$51</f>
        <v>5</v>
      </c>
      <c r="N57" s="175"/>
      <c r="O57" s="175"/>
      <c r="P57" s="175">
        <f>'将来負担比率（分子）の構造'!M$51</f>
        <v>4</v>
      </c>
    </row>
    <row r="58" spans="1:16" x14ac:dyDescent="0.2">
      <c r="A58" s="175" t="s">
        <v>42</v>
      </c>
      <c r="B58" s="175"/>
      <c r="C58" s="175"/>
      <c r="D58" s="175">
        <f>'将来負担比率（分子）の構造'!I$50</f>
        <v>4586</v>
      </c>
      <c r="E58" s="175"/>
      <c r="F58" s="175"/>
      <c r="G58" s="175">
        <f>'将来負担比率（分子）の構造'!J$50</f>
        <v>4625</v>
      </c>
      <c r="H58" s="175"/>
      <c r="I58" s="175"/>
      <c r="J58" s="175">
        <f>'将来負担比率（分子）の構造'!K$50</f>
        <v>5111</v>
      </c>
      <c r="K58" s="175"/>
      <c r="L58" s="175"/>
      <c r="M58" s="175">
        <f>'将来負担比率（分子）の構造'!L$50</f>
        <v>5831</v>
      </c>
      <c r="N58" s="175"/>
      <c r="O58" s="175"/>
      <c r="P58" s="175">
        <f>'将来負担比率（分子）の構造'!M$50</f>
        <v>6548</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1269</v>
      </c>
      <c r="C62" s="175"/>
      <c r="D62" s="175"/>
      <c r="E62" s="175">
        <f>'将来負担比率（分子）の構造'!J$45</f>
        <v>1256</v>
      </c>
      <c r="F62" s="175"/>
      <c r="G62" s="175"/>
      <c r="H62" s="175">
        <f>'将来負担比率（分子）の構造'!K$45</f>
        <v>1224</v>
      </c>
      <c r="I62" s="175"/>
      <c r="J62" s="175"/>
      <c r="K62" s="175">
        <f>'将来負担比率（分子）の構造'!L$45</f>
        <v>1234</v>
      </c>
      <c r="L62" s="175"/>
      <c r="M62" s="175"/>
      <c r="N62" s="175">
        <f>'将来負担比率（分子）の構造'!M$45</f>
        <v>1237</v>
      </c>
      <c r="O62" s="175"/>
      <c r="P62" s="175"/>
    </row>
    <row r="63" spans="1:16" x14ac:dyDescent="0.2">
      <c r="A63" s="175" t="s">
        <v>35</v>
      </c>
      <c r="B63" s="175">
        <f>'将来負担比率（分子）の構造'!I$44</f>
        <v>457</v>
      </c>
      <c r="C63" s="175"/>
      <c r="D63" s="175"/>
      <c r="E63" s="175">
        <f>'将来負担比率（分子）の構造'!J$44</f>
        <v>398</v>
      </c>
      <c r="F63" s="175"/>
      <c r="G63" s="175"/>
      <c r="H63" s="175">
        <f>'将来負担比率（分子）の構造'!K$44</f>
        <v>342</v>
      </c>
      <c r="I63" s="175"/>
      <c r="J63" s="175"/>
      <c r="K63" s="175">
        <f>'将来負担比率（分子）の構造'!L$44</f>
        <v>297</v>
      </c>
      <c r="L63" s="175"/>
      <c r="M63" s="175"/>
      <c r="N63" s="175">
        <f>'将来負担比率（分子）の構造'!M$44</f>
        <v>263</v>
      </c>
      <c r="O63" s="175"/>
      <c r="P63" s="175"/>
    </row>
    <row r="64" spans="1:16" x14ac:dyDescent="0.2">
      <c r="A64" s="175" t="s">
        <v>34</v>
      </c>
      <c r="B64" s="175">
        <f>'将来負担比率（分子）の構造'!I$43</f>
        <v>3654</v>
      </c>
      <c r="C64" s="175"/>
      <c r="D64" s="175"/>
      <c r="E64" s="175">
        <f>'将来負担比率（分子）の構造'!J$43</f>
        <v>3427</v>
      </c>
      <c r="F64" s="175"/>
      <c r="G64" s="175"/>
      <c r="H64" s="175">
        <f>'将来負担比率（分子）の構造'!K$43</f>
        <v>3130</v>
      </c>
      <c r="I64" s="175"/>
      <c r="J64" s="175"/>
      <c r="K64" s="175">
        <f>'将来負担比率（分子）の構造'!L$43</f>
        <v>2868</v>
      </c>
      <c r="L64" s="175"/>
      <c r="M64" s="175"/>
      <c r="N64" s="175">
        <f>'将来負担比率（分子）の構造'!M$43</f>
        <v>2610</v>
      </c>
      <c r="O64" s="175"/>
      <c r="P64" s="175"/>
    </row>
    <row r="65" spans="1:16" x14ac:dyDescent="0.2">
      <c r="A65" s="175" t="s">
        <v>33</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2</v>
      </c>
      <c r="B66" s="175">
        <f>'将来負担比率（分子）の構造'!I$41</f>
        <v>2186</v>
      </c>
      <c r="C66" s="175"/>
      <c r="D66" s="175"/>
      <c r="E66" s="175">
        <f>'将来負担比率（分子）の構造'!J$41</f>
        <v>2074</v>
      </c>
      <c r="F66" s="175"/>
      <c r="G66" s="175"/>
      <c r="H66" s="175">
        <f>'将来負担比率（分子）の構造'!K$41</f>
        <v>1965</v>
      </c>
      <c r="I66" s="175"/>
      <c r="J66" s="175"/>
      <c r="K66" s="175">
        <f>'将来負担比率（分子）の構造'!L$41</f>
        <v>1828</v>
      </c>
      <c r="L66" s="175"/>
      <c r="M66" s="175"/>
      <c r="N66" s="175">
        <f>'将来負担比率（分子）の構造'!M$41</f>
        <v>1653</v>
      </c>
      <c r="O66" s="175"/>
      <c r="P66" s="175"/>
    </row>
    <row r="67" spans="1:16" x14ac:dyDescent="0.2">
      <c r="A67" s="175" t="s">
        <v>76</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1621</v>
      </c>
      <c r="C72" s="179">
        <f>基金残高に係る経年分析!G55</f>
        <v>1764</v>
      </c>
      <c r="D72" s="179">
        <f>基金残高に係る経年分析!H55</f>
        <v>1839</v>
      </c>
    </row>
    <row r="73" spans="1:16" x14ac:dyDescent="0.2">
      <c r="A73" s="178" t="s">
        <v>79</v>
      </c>
      <c r="B73" s="179">
        <f>基金残高に係る経年分析!F56</f>
        <v>1100</v>
      </c>
      <c r="C73" s="179">
        <f>基金残高に係る経年分析!G56</f>
        <v>1212</v>
      </c>
      <c r="D73" s="179">
        <f>基金残高に係る経年分析!H56</f>
        <v>1273</v>
      </c>
    </row>
    <row r="74" spans="1:16" x14ac:dyDescent="0.2">
      <c r="A74" s="178" t="s">
        <v>80</v>
      </c>
      <c r="B74" s="179">
        <f>基金残高に係る経年分析!F57</f>
        <v>2259</v>
      </c>
      <c r="C74" s="179">
        <f>基金残高に係る経年分析!G57</f>
        <v>2674</v>
      </c>
      <c r="D74" s="179">
        <f>基金残高に係る経年分析!H57</f>
        <v>3230</v>
      </c>
    </row>
  </sheetData>
  <sheetProtection algorithmName="SHA-512" hashValue="Xj5OMhcW1+I64bxNbVGYZmaCPLzlSSSCAddVVFXCOiPZNr7UUVDX0LVrQGrNn2G/8IVRtMCUbLQt+rbK4h23cg==" saltValue="fEai8RflrujXZrHvj9VH+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4</v>
      </c>
      <c r="DI1" s="718"/>
      <c r="DJ1" s="718"/>
      <c r="DK1" s="718"/>
      <c r="DL1" s="718"/>
      <c r="DM1" s="718"/>
      <c r="DN1" s="719"/>
      <c r="DO1" s="214"/>
      <c r="DP1" s="717" t="s">
        <v>215</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6</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17</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18</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19</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0</v>
      </c>
      <c r="S4" s="674"/>
      <c r="T4" s="674"/>
      <c r="U4" s="674"/>
      <c r="V4" s="674"/>
      <c r="W4" s="674"/>
      <c r="X4" s="674"/>
      <c r="Y4" s="675"/>
      <c r="Z4" s="673" t="s">
        <v>221</v>
      </c>
      <c r="AA4" s="674"/>
      <c r="AB4" s="674"/>
      <c r="AC4" s="675"/>
      <c r="AD4" s="673" t="s">
        <v>222</v>
      </c>
      <c r="AE4" s="674"/>
      <c r="AF4" s="674"/>
      <c r="AG4" s="674"/>
      <c r="AH4" s="674"/>
      <c r="AI4" s="674"/>
      <c r="AJ4" s="674"/>
      <c r="AK4" s="675"/>
      <c r="AL4" s="673" t="s">
        <v>221</v>
      </c>
      <c r="AM4" s="674"/>
      <c r="AN4" s="674"/>
      <c r="AO4" s="675"/>
      <c r="AP4" s="720" t="s">
        <v>223</v>
      </c>
      <c r="AQ4" s="720"/>
      <c r="AR4" s="720"/>
      <c r="AS4" s="720"/>
      <c r="AT4" s="720"/>
      <c r="AU4" s="720"/>
      <c r="AV4" s="720"/>
      <c r="AW4" s="720"/>
      <c r="AX4" s="720"/>
      <c r="AY4" s="720"/>
      <c r="AZ4" s="720"/>
      <c r="BA4" s="720"/>
      <c r="BB4" s="720"/>
      <c r="BC4" s="720"/>
      <c r="BD4" s="720"/>
      <c r="BE4" s="720"/>
      <c r="BF4" s="720"/>
      <c r="BG4" s="720" t="s">
        <v>224</v>
      </c>
      <c r="BH4" s="720"/>
      <c r="BI4" s="720"/>
      <c r="BJ4" s="720"/>
      <c r="BK4" s="720"/>
      <c r="BL4" s="720"/>
      <c r="BM4" s="720"/>
      <c r="BN4" s="720"/>
      <c r="BO4" s="720" t="s">
        <v>221</v>
      </c>
      <c r="BP4" s="720"/>
      <c r="BQ4" s="720"/>
      <c r="BR4" s="720"/>
      <c r="BS4" s="720" t="s">
        <v>225</v>
      </c>
      <c r="BT4" s="720"/>
      <c r="BU4" s="720"/>
      <c r="BV4" s="720"/>
      <c r="BW4" s="720"/>
      <c r="BX4" s="720"/>
      <c r="BY4" s="720"/>
      <c r="BZ4" s="720"/>
      <c r="CA4" s="720"/>
      <c r="CB4" s="720"/>
      <c r="CD4" s="673" t="s">
        <v>226</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27</v>
      </c>
      <c r="C5" s="680"/>
      <c r="D5" s="680"/>
      <c r="E5" s="680"/>
      <c r="F5" s="680"/>
      <c r="G5" s="680"/>
      <c r="H5" s="680"/>
      <c r="I5" s="680"/>
      <c r="J5" s="680"/>
      <c r="K5" s="680"/>
      <c r="L5" s="680"/>
      <c r="M5" s="680"/>
      <c r="N5" s="680"/>
      <c r="O5" s="680"/>
      <c r="P5" s="680"/>
      <c r="Q5" s="681"/>
      <c r="R5" s="676">
        <v>683945</v>
      </c>
      <c r="S5" s="677"/>
      <c r="T5" s="677"/>
      <c r="U5" s="677"/>
      <c r="V5" s="677"/>
      <c r="W5" s="677"/>
      <c r="X5" s="677"/>
      <c r="Y5" s="702"/>
      <c r="Z5" s="715">
        <v>8.9</v>
      </c>
      <c r="AA5" s="715"/>
      <c r="AB5" s="715"/>
      <c r="AC5" s="715"/>
      <c r="AD5" s="716">
        <v>683945</v>
      </c>
      <c r="AE5" s="716"/>
      <c r="AF5" s="716"/>
      <c r="AG5" s="716"/>
      <c r="AH5" s="716"/>
      <c r="AI5" s="716"/>
      <c r="AJ5" s="716"/>
      <c r="AK5" s="716"/>
      <c r="AL5" s="703">
        <v>24.1</v>
      </c>
      <c r="AM5" s="685"/>
      <c r="AN5" s="685"/>
      <c r="AO5" s="704"/>
      <c r="AP5" s="679" t="s">
        <v>228</v>
      </c>
      <c r="AQ5" s="680"/>
      <c r="AR5" s="680"/>
      <c r="AS5" s="680"/>
      <c r="AT5" s="680"/>
      <c r="AU5" s="680"/>
      <c r="AV5" s="680"/>
      <c r="AW5" s="680"/>
      <c r="AX5" s="680"/>
      <c r="AY5" s="680"/>
      <c r="AZ5" s="680"/>
      <c r="BA5" s="680"/>
      <c r="BB5" s="680"/>
      <c r="BC5" s="680"/>
      <c r="BD5" s="680"/>
      <c r="BE5" s="680"/>
      <c r="BF5" s="681"/>
      <c r="BG5" s="621">
        <v>677995</v>
      </c>
      <c r="BH5" s="622"/>
      <c r="BI5" s="622"/>
      <c r="BJ5" s="622"/>
      <c r="BK5" s="622"/>
      <c r="BL5" s="622"/>
      <c r="BM5" s="622"/>
      <c r="BN5" s="623"/>
      <c r="BO5" s="659">
        <v>99.1</v>
      </c>
      <c r="BP5" s="659"/>
      <c r="BQ5" s="659"/>
      <c r="BR5" s="659"/>
      <c r="BS5" s="660">
        <v>4021</v>
      </c>
      <c r="BT5" s="660"/>
      <c r="BU5" s="660"/>
      <c r="BV5" s="660"/>
      <c r="BW5" s="660"/>
      <c r="BX5" s="660"/>
      <c r="BY5" s="660"/>
      <c r="BZ5" s="660"/>
      <c r="CA5" s="660"/>
      <c r="CB5" s="700"/>
      <c r="CD5" s="673" t="s">
        <v>223</v>
      </c>
      <c r="CE5" s="674"/>
      <c r="CF5" s="674"/>
      <c r="CG5" s="674"/>
      <c r="CH5" s="674"/>
      <c r="CI5" s="674"/>
      <c r="CJ5" s="674"/>
      <c r="CK5" s="674"/>
      <c r="CL5" s="674"/>
      <c r="CM5" s="674"/>
      <c r="CN5" s="674"/>
      <c r="CO5" s="674"/>
      <c r="CP5" s="674"/>
      <c r="CQ5" s="675"/>
      <c r="CR5" s="673" t="s">
        <v>229</v>
      </c>
      <c r="CS5" s="674"/>
      <c r="CT5" s="674"/>
      <c r="CU5" s="674"/>
      <c r="CV5" s="674"/>
      <c r="CW5" s="674"/>
      <c r="CX5" s="674"/>
      <c r="CY5" s="675"/>
      <c r="CZ5" s="673" t="s">
        <v>221</v>
      </c>
      <c r="DA5" s="674"/>
      <c r="DB5" s="674"/>
      <c r="DC5" s="675"/>
      <c r="DD5" s="673" t="s">
        <v>230</v>
      </c>
      <c r="DE5" s="674"/>
      <c r="DF5" s="674"/>
      <c r="DG5" s="674"/>
      <c r="DH5" s="674"/>
      <c r="DI5" s="674"/>
      <c r="DJ5" s="674"/>
      <c r="DK5" s="674"/>
      <c r="DL5" s="674"/>
      <c r="DM5" s="674"/>
      <c r="DN5" s="674"/>
      <c r="DO5" s="674"/>
      <c r="DP5" s="675"/>
      <c r="DQ5" s="673" t="s">
        <v>231</v>
      </c>
      <c r="DR5" s="674"/>
      <c r="DS5" s="674"/>
      <c r="DT5" s="674"/>
      <c r="DU5" s="674"/>
      <c r="DV5" s="674"/>
      <c r="DW5" s="674"/>
      <c r="DX5" s="674"/>
      <c r="DY5" s="674"/>
      <c r="DZ5" s="674"/>
      <c r="EA5" s="674"/>
      <c r="EB5" s="674"/>
      <c r="EC5" s="675"/>
    </row>
    <row r="6" spans="2:143" ht="11.25" customHeight="1" x14ac:dyDescent="0.2">
      <c r="B6" s="618" t="s">
        <v>232</v>
      </c>
      <c r="C6" s="619"/>
      <c r="D6" s="619"/>
      <c r="E6" s="619"/>
      <c r="F6" s="619"/>
      <c r="G6" s="619"/>
      <c r="H6" s="619"/>
      <c r="I6" s="619"/>
      <c r="J6" s="619"/>
      <c r="K6" s="619"/>
      <c r="L6" s="619"/>
      <c r="M6" s="619"/>
      <c r="N6" s="619"/>
      <c r="O6" s="619"/>
      <c r="P6" s="619"/>
      <c r="Q6" s="620"/>
      <c r="R6" s="621">
        <v>66849</v>
      </c>
      <c r="S6" s="622"/>
      <c r="T6" s="622"/>
      <c r="U6" s="622"/>
      <c r="V6" s="622"/>
      <c r="W6" s="622"/>
      <c r="X6" s="622"/>
      <c r="Y6" s="623"/>
      <c r="Z6" s="659">
        <v>0.9</v>
      </c>
      <c r="AA6" s="659"/>
      <c r="AB6" s="659"/>
      <c r="AC6" s="659"/>
      <c r="AD6" s="660">
        <v>66849</v>
      </c>
      <c r="AE6" s="660"/>
      <c r="AF6" s="660"/>
      <c r="AG6" s="660"/>
      <c r="AH6" s="660"/>
      <c r="AI6" s="660"/>
      <c r="AJ6" s="660"/>
      <c r="AK6" s="660"/>
      <c r="AL6" s="624">
        <v>2.4</v>
      </c>
      <c r="AM6" s="625"/>
      <c r="AN6" s="625"/>
      <c r="AO6" s="661"/>
      <c r="AP6" s="618" t="s">
        <v>233</v>
      </c>
      <c r="AQ6" s="619"/>
      <c r="AR6" s="619"/>
      <c r="AS6" s="619"/>
      <c r="AT6" s="619"/>
      <c r="AU6" s="619"/>
      <c r="AV6" s="619"/>
      <c r="AW6" s="619"/>
      <c r="AX6" s="619"/>
      <c r="AY6" s="619"/>
      <c r="AZ6" s="619"/>
      <c r="BA6" s="619"/>
      <c r="BB6" s="619"/>
      <c r="BC6" s="619"/>
      <c r="BD6" s="619"/>
      <c r="BE6" s="619"/>
      <c r="BF6" s="620"/>
      <c r="BG6" s="621">
        <v>677995</v>
      </c>
      <c r="BH6" s="622"/>
      <c r="BI6" s="622"/>
      <c r="BJ6" s="622"/>
      <c r="BK6" s="622"/>
      <c r="BL6" s="622"/>
      <c r="BM6" s="622"/>
      <c r="BN6" s="623"/>
      <c r="BO6" s="659">
        <v>99.1</v>
      </c>
      <c r="BP6" s="659"/>
      <c r="BQ6" s="659"/>
      <c r="BR6" s="659"/>
      <c r="BS6" s="660">
        <v>4021</v>
      </c>
      <c r="BT6" s="660"/>
      <c r="BU6" s="660"/>
      <c r="BV6" s="660"/>
      <c r="BW6" s="660"/>
      <c r="BX6" s="660"/>
      <c r="BY6" s="660"/>
      <c r="BZ6" s="660"/>
      <c r="CA6" s="660"/>
      <c r="CB6" s="700"/>
      <c r="CD6" s="679" t="s">
        <v>234</v>
      </c>
      <c r="CE6" s="680"/>
      <c r="CF6" s="680"/>
      <c r="CG6" s="680"/>
      <c r="CH6" s="680"/>
      <c r="CI6" s="680"/>
      <c r="CJ6" s="680"/>
      <c r="CK6" s="680"/>
      <c r="CL6" s="680"/>
      <c r="CM6" s="680"/>
      <c r="CN6" s="680"/>
      <c r="CO6" s="680"/>
      <c r="CP6" s="680"/>
      <c r="CQ6" s="681"/>
      <c r="CR6" s="621">
        <v>90066</v>
      </c>
      <c r="CS6" s="622"/>
      <c r="CT6" s="622"/>
      <c r="CU6" s="622"/>
      <c r="CV6" s="622"/>
      <c r="CW6" s="622"/>
      <c r="CX6" s="622"/>
      <c r="CY6" s="623"/>
      <c r="CZ6" s="703">
        <v>1.2</v>
      </c>
      <c r="DA6" s="685"/>
      <c r="DB6" s="685"/>
      <c r="DC6" s="705"/>
      <c r="DD6" s="627" t="s">
        <v>130</v>
      </c>
      <c r="DE6" s="622"/>
      <c r="DF6" s="622"/>
      <c r="DG6" s="622"/>
      <c r="DH6" s="622"/>
      <c r="DI6" s="622"/>
      <c r="DJ6" s="622"/>
      <c r="DK6" s="622"/>
      <c r="DL6" s="622"/>
      <c r="DM6" s="622"/>
      <c r="DN6" s="622"/>
      <c r="DO6" s="622"/>
      <c r="DP6" s="623"/>
      <c r="DQ6" s="627">
        <v>90066</v>
      </c>
      <c r="DR6" s="622"/>
      <c r="DS6" s="622"/>
      <c r="DT6" s="622"/>
      <c r="DU6" s="622"/>
      <c r="DV6" s="622"/>
      <c r="DW6" s="622"/>
      <c r="DX6" s="622"/>
      <c r="DY6" s="622"/>
      <c r="DZ6" s="622"/>
      <c r="EA6" s="622"/>
      <c r="EB6" s="622"/>
      <c r="EC6" s="658"/>
    </row>
    <row r="7" spans="2:143" ht="11.25" customHeight="1" x14ac:dyDescent="0.2">
      <c r="B7" s="618" t="s">
        <v>235</v>
      </c>
      <c r="C7" s="619"/>
      <c r="D7" s="619"/>
      <c r="E7" s="619"/>
      <c r="F7" s="619"/>
      <c r="G7" s="619"/>
      <c r="H7" s="619"/>
      <c r="I7" s="619"/>
      <c r="J7" s="619"/>
      <c r="K7" s="619"/>
      <c r="L7" s="619"/>
      <c r="M7" s="619"/>
      <c r="N7" s="619"/>
      <c r="O7" s="619"/>
      <c r="P7" s="619"/>
      <c r="Q7" s="620"/>
      <c r="R7" s="621">
        <v>766</v>
      </c>
      <c r="S7" s="622"/>
      <c r="T7" s="622"/>
      <c r="U7" s="622"/>
      <c r="V7" s="622"/>
      <c r="W7" s="622"/>
      <c r="X7" s="622"/>
      <c r="Y7" s="623"/>
      <c r="Z7" s="659">
        <v>0</v>
      </c>
      <c r="AA7" s="659"/>
      <c r="AB7" s="659"/>
      <c r="AC7" s="659"/>
      <c r="AD7" s="660">
        <v>766</v>
      </c>
      <c r="AE7" s="660"/>
      <c r="AF7" s="660"/>
      <c r="AG7" s="660"/>
      <c r="AH7" s="660"/>
      <c r="AI7" s="660"/>
      <c r="AJ7" s="660"/>
      <c r="AK7" s="660"/>
      <c r="AL7" s="624">
        <v>0</v>
      </c>
      <c r="AM7" s="625"/>
      <c r="AN7" s="625"/>
      <c r="AO7" s="661"/>
      <c r="AP7" s="618" t="s">
        <v>236</v>
      </c>
      <c r="AQ7" s="619"/>
      <c r="AR7" s="619"/>
      <c r="AS7" s="619"/>
      <c r="AT7" s="619"/>
      <c r="AU7" s="619"/>
      <c r="AV7" s="619"/>
      <c r="AW7" s="619"/>
      <c r="AX7" s="619"/>
      <c r="AY7" s="619"/>
      <c r="AZ7" s="619"/>
      <c r="BA7" s="619"/>
      <c r="BB7" s="619"/>
      <c r="BC7" s="619"/>
      <c r="BD7" s="619"/>
      <c r="BE7" s="619"/>
      <c r="BF7" s="620"/>
      <c r="BG7" s="621">
        <v>238000</v>
      </c>
      <c r="BH7" s="622"/>
      <c r="BI7" s="622"/>
      <c r="BJ7" s="622"/>
      <c r="BK7" s="622"/>
      <c r="BL7" s="622"/>
      <c r="BM7" s="622"/>
      <c r="BN7" s="623"/>
      <c r="BO7" s="659">
        <v>34.799999999999997</v>
      </c>
      <c r="BP7" s="659"/>
      <c r="BQ7" s="659"/>
      <c r="BR7" s="659"/>
      <c r="BS7" s="660">
        <v>4021</v>
      </c>
      <c r="BT7" s="660"/>
      <c r="BU7" s="660"/>
      <c r="BV7" s="660"/>
      <c r="BW7" s="660"/>
      <c r="BX7" s="660"/>
      <c r="BY7" s="660"/>
      <c r="BZ7" s="660"/>
      <c r="CA7" s="660"/>
      <c r="CB7" s="700"/>
      <c r="CD7" s="618" t="s">
        <v>237</v>
      </c>
      <c r="CE7" s="619"/>
      <c r="CF7" s="619"/>
      <c r="CG7" s="619"/>
      <c r="CH7" s="619"/>
      <c r="CI7" s="619"/>
      <c r="CJ7" s="619"/>
      <c r="CK7" s="619"/>
      <c r="CL7" s="619"/>
      <c r="CM7" s="619"/>
      <c r="CN7" s="619"/>
      <c r="CO7" s="619"/>
      <c r="CP7" s="619"/>
      <c r="CQ7" s="620"/>
      <c r="CR7" s="621">
        <v>1564535</v>
      </c>
      <c r="CS7" s="622"/>
      <c r="CT7" s="622"/>
      <c r="CU7" s="622"/>
      <c r="CV7" s="622"/>
      <c r="CW7" s="622"/>
      <c r="CX7" s="622"/>
      <c r="CY7" s="623"/>
      <c r="CZ7" s="659">
        <v>21.3</v>
      </c>
      <c r="DA7" s="659"/>
      <c r="DB7" s="659"/>
      <c r="DC7" s="659"/>
      <c r="DD7" s="627">
        <v>48008</v>
      </c>
      <c r="DE7" s="622"/>
      <c r="DF7" s="622"/>
      <c r="DG7" s="622"/>
      <c r="DH7" s="622"/>
      <c r="DI7" s="622"/>
      <c r="DJ7" s="622"/>
      <c r="DK7" s="622"/>
      <c r="DL7" s="622"/>
      <c r="DM7" s="622"/>
      <c r="DN7" s="622"/>
      <c r="DO7" s="622"/>
      <c r="DP7" s="623"/>
      <c r="DQ7" s="627">
        <v>1158628</v>
      </c>
      <c r="DR7" s="622"/>
      <c r="DS7" s="622"/>
      <c r="DT7" s="622"/>
      <c r="DU7" s="622"/>
      <c r="DV7" s="622"/>
      <c r="DW7" s="622"/>
      <c r="DX7" s="622"/>
      <c r="DY7" s="622"/>
      <c r="DZ7" s="622"/>
      <c r="EA7" s="622"/>
      <c r="EB7" s="622"/>
      <c r="EC7" s="658"/>
    </row>
    <row r="8" spans="2:143" ht="11.25" customHeight="1" x14ac:dyDescent="0.2">
      <c r="B8" s="618" t="s">
        <v>238</v>
      </c>
      <c r="C8" s="619"/>
      <c r="D8" s="619"/>
      <c r="E8" s="619"/>
      <c r="F8" s="619"/>
      <c r="G8" s="619"/>
      <c r="H8" s="619"/>
      <c r="I8" s="619"/>
      <c r="J8" s="619"/>
      <c r="K8" s="619"/>
      <c r="L8" s="619"/>
      <c r="M8" s="619"/>
      <c r="N8" s="619"/>
      <c r="O8" s="619"/>
      <c r="P8" s="619"/>
      <c r="Q8" s="620"/>
      <c r="R8" s="621">
        <v>4072</v>
      </c>
      <c r="S8" s="622"/>
      <c r="T8" s="622"/>
      <c r="U8" s="622"/>
      <c r="V8" s="622"/>
      <c r="W8" s="622"/>
      <c r="X8" s="622"/>
      <c r="Y8" s="623"/>
      <c r="Z8" s="659">
        <v>0.1</v>
      </c>
      <c r="AA8" s="659"/>
      <c r="AB8" s="659"/>
      <c r="AC8" s="659"/>
      <c r="AD8" s="660">
        <v>4072</v>
      </c>
      <c r="AE8" s="660"/>
      <c r="AF8" s="660"/>
      <c r="AG8" s="660"/>
      <c r="AH8" s="660"/>
      <c r="AI8" s="660"/>
      <c r="AJ8" s="660"/>
      <c r="AK8" s="660"/>
      <c r="AL8" s="624">
        <v>0.1</v>
      </c>
      <c r="AM8" s="625"/>
      <c r="AN8" s="625"/>
      <c r="AO8" s="661"/>
      <c r="AP8" s="618" t="s">
        <v>239</v>
      </c>
      <c r="AQ8" s="619"/>
      <c r="AR8" s="619"/>
      <c r="AS8" s="619"/>
      <c r="AT8" s="619"/>
      <c r="AU8" s="619"/>
      <c r="AV8" s="619"/>
      <c r="AW8" s="619"/>
      <c r="AX8" s="619"/>
      <c r="AY8" s="619"/>
      <c r="AZ8" s="619"/>
      <c r="BA8" s="619"/>
      <c r="BB8" s="619"/>
      <c r="BC8" s="619"/>
      <c r="BD8" s="619"/>
      <c r="BE8" s="619"/>
      <c r="BF8" s="620"/>
      <c r="BG8" s="621">
        <v>8718</v>
      </c>
      <c r="BH8" s="622"/>
      <c r="BI8" s="622"/>
      <c r="BJ8" s="622"/>
      <c r="BK8" s="622"/>
      <c r="BL8" s="622"/>
      <c r="BM8" s="622"/>
      <c r="BN8" s="623"/>
      <c r="BO8" s="659">
        <v>1.3</v>
      </c>
      <c r="BP8" s="659"/>
      <c r="BQ8" s="659"/>
      <c r="BR8" s="659"/>
      <c r="BS8" s="660" t="s">
        <v>130</v>
      </c>
      <c r="BT8" s="660"/>
      <c r="BU8" s="660"/>
      <c r="BV8" s="660"/>
      <c r="BW8" s="660"/>
      <c r="BX8" s="660"/>
      <c r="BY8" s="660"/>
      <c r="BZ8" s="660"/>
      <c r="CA8" s="660"/>
      <c r="CB8" s="700"/>
      <c r="CD8" s="618" t="s">
        <v>240</v>
      </c>
      <c r="CE8" s="619"/>
      <c r="CF8" s="619"/>
      <c r="CG8" s="619"/>
      <c r="CH8" s="619"/>
      <c r="CI8" s="619"/>
      <c r="CJ8" s="619"/>
      <c r="CK8" s="619"/>
      <c r="CL8" s="619"/>
      <c r="CM8" s="619"/>
      <c r="CN8" s="619"/>
      <c r="CO8" s="619"/>
      <c r="CP8" s="619"/>
      <c r="CQ8" s="620"/>
      <c r="CR8" s="621">
        <v>1151565</v>
      </c>
      <c r="CS8" s="622"/>
      <c r="CT8" s="622"/>
      <c r="CU8" s="622"/>
      <c r="CV8" s="622"/>
      <c r="CW8" s="622"/>
      <c r="CX8" s="622"/>
      <c r="CY8" s="623"/>
      <c r="CZ8" s="659">
        <v>15.7</v>
      </c>
      <c r="DA8" s="659"/>
      <c r="DB8" s="659"/>
      <c r="DC8" s="659"/>
      <c r="DD8" s="627">
        <v>4578</v>
      </c>
      <c r="DE8" s="622"/>
      <c r="DF8" s="622"/>
      <c r="DG8" s="622"/>
      <c r="DH8" s="622"/>
      <c r="DI8" s="622"/>
      <c r="DJ8" s="622"/>
      <c r="DK8" s="622"/>
      <c r="DL8" s="622"/>
      <c r="DM8" s="622"/>
      <c r="DN8" s="622"/>
      <c r="DO8" s="622"/>
      <c r="DP8" s="623"/>
      <c r="DQ8" s="627">
        <v>547803</v>
      </c>
      <c r="DR8" s="622"/>
      <c r="DS8" s="622"/>
      <c r="DT8" s="622"/>
      <c r="DU8" s="622"/>
      <c r="DV8" s="622"/>
      <c r="DW8" s="622"/>
      <c r="DX8" s="622"/>
      <c r="DY8" s="622"/>
      <c r="DZ8" s="622"/>
      <c r="EA8" s="622"/>
      <c r="EB8" s="622"/>
      <c r="EC8" s="658"/>
    </row>
    <row r="9" spans="2:143" ht="11.25" customHeight="1" x14ac:dyDescent="0.2">
      <c r="B9" s="618" t="s">
        <v>241</v>
      </c>
      <c r="C9" s="619"/>
      <c r="D9" s="619"/>
      <c r="E9" s="619"/>
      <c r="F9" s="619"/>
      <c r="G9" s="619"/>
      <c r="H9" s="619"/>
      <c r="I9" s="619"/>
      <c r="J9" s="619"/>
      <c r="K9" s="619"/>
      <c r="L9" s="619"/>
      <c r="M9" s="619"/>
      <c r="N9" s="619"/>
      <c r="O9" s="619"/>
      <c r="P9" s="619"/>
      <c r="Q9" s="620"/>
      <c r="R9" s="621">
        <v>3110</v>
      </c>
      <c r="S9" s="622"/>
      <c r="T9" s="622"/>
      <c r="U9" s="622"/>
      <c r="V9" s="622"/>
      <c r="W9" s="622"/>
      <c r="X9" s="622"/>
      <c r="Y9" s="623"/>
      <c r="Z9" s="659">
        <v>0</v>
      </c>
      <c r="AA9" s="659"/>
      <c r="AB9" s="659"/>
      <c r="AC9" s="659"/>
      <c r="AD9" s="660">
        <v>3110</v>
      </c>
      <c r="AE9" s="660"/>
      <c r="AF9" s="660"/>
      <c r="AG9" s="660"/>
      <c r="AH9" s="660"/>
      <c r="AI9" s="660"/>
      <c r="AJ9" s="660"/>
      <c r="AK9" s="660"/>
      <c r="AL9" s="624">
        <v>0.1</v>
      </c>
      <c r="AM9" s="625"/>
      <c r="AN9" s="625"/>
      <c r="AO9" s="661"/>
      <c r="AP9" s="618" t="s">
        <v>242</v>
      </c>
      <c r="AQ9" s="619"/>
      <c r="AR9" s="619"/>
      <c r="AS9" s="619"/>
      <c r="AT9" s="619"/>
      <c r="AU9" s="619"/>
      <c r="AV9" s="619"/>
      <c r="AW9" s="619"/>
      <c r="AX9" s="619"/>
      <c r="AY9" s="619"/>
      <c r="AZ9" s="619"/>
      <c r="BA9" s="619"/>
      <c r="BB9" s="619"/>
      <c r="BC9" s="619"/>
      <c r="BD9" s="619"/>
      <c r="BE9" s="619"/>
      <c r="BF9" s="620"/>
      <c r="BG9" s="621">
        <v>200641</v>
      </c>
      <c r="BH9" s="622"/>
      <c r="BI9" s="622"/>
      <c r="BJ9" s="622"/>
      <c r="BK9" s="622"/>
      <c r="BL9" s="622"/>
      <c r="BM9" s="622"/>
      <c r="BN9" s="623"/>
      <c r="BO9" s="659">
        <v>29.3</v>
      </c>
      <c r="BP9" s="659"/>
      <c r="BQ9" s="659"/>
      <c r="BR9" s="659"/>
      <c r="BS9" s="660" t="s">
        <v>130</v>
      </c>
      <c r="BT9" s="660"/>
      <c r="BU9" s="660"/>
      <c r="BV9" s="660"/>
      <c r="BW9" s="660"/>
      <c r="BX9" s="660"/>
      <c r="BY9" s="660"/>
      <c r="BZ9" s="660"/>
      <c r="CA9" s="660"/>
      <c r="CB9" s="700"/>
      <c r="CD9" s="618" t="s">
        <v>243</v>
      </c>
      <c r="CE9" s="619"/>
      <c r="CF9" s="619"/>
      <c r="CG9" s="619"/>
      <c r="CH9" s="619"/>
      <c r="CI9" s="619"/>
      <c r="CJ9" s="619"/>
      <c r="CK9" s="619"/>
      <c r="CL9" s="619"/>
      <c r="CM9" s="619"/>
      <c r="CN9" s="619"/>
      <c r="CO9" s="619"/>
      <c r="CP9" s="619"/>
      <c r="CQ9" s="620"/>
      <c r="CR9" s="621">
        <v>679334</v>
      </c>
      <c r="CS9" s="622"/>
      <c r="CT9" s="622"/>
      <c r="CU9" s="622"/>
      <c r="CV9" s="622"/>
      <c r="CW9" s="622"/>
      <c r="CX9" s="622"/>
      <c r="CY9" s="623"/>
      <c r="CZ9" s="659">
        <v>9.1999999999999993</v>
      </c>
      <c r="DA9" s="659"/>
      <c r="DB9" s="659"/>
      <c r="DC9" s="659"/>
      <c r="DD9" s="627">
        <v>10216</v>
      </c>
      <c r="DE9" s="622"/>
      <c r="DF9" s="622"/>
      <c r="DG9" s="622"/>
      <c r="DH9" s="622"/>
      <c r="DI9" s="622"/>
      <c r="DJ9" s="622"/>
      <c r="DK9" s="622"/>
      <c r="DL9" s="622"/>
      <c r="DM9" s="622"/>
      <c r="DN9" s="622"/>
      <c r="DO9" s="622"/>
      <c r="DP9" s="623"/>
      <c r="DQ9" s="627">
        <v>296801</v>
      </c>
      <c r="DR9" s="622"/>
      <c r="DS9" s="622"/>
      <c r="DT9" s="622"/>
      <c r="DU9" s="622"/>
      <c r="DV9" s="622"/>
      <c r="DW9" s="622"/>
      <c r="DX9" s="622"/>
      <c r="DY9" s="622"/>
      <c r="DZ9" s="622"/>
      <c r="EA9" s="622"/>
      <c r="EB9" s="622"/>
      <c r="EC9" s="658"/>
    </row>
    <row r="10" spans="2:143" ht="11.25" customHeight="1" x14ac:dyDescent="0.2">
      <c r="B10" s="618" t="s">
        <v>244</v>
      </c>
      <c r="C10" s="619"/>
      <c r="D10" s="619"/>
      <c r="E10" s="619"/>
      <c r="F10" s="619"/>
      <c r="G10" s="619"/>
      <c r="H10" s="619"/>
      <c r="I10" s="619"/>
      <c r="J10" s="619"/>
      <c r="K10" s="619"/>
      <c r="L10" s="619"/>
      <c r="M10" s="619"/>
      <c r="N10" s="619"/>
      <c r="O10" s="619"/>
      <c r="P10" s="619"/>
      <c r="Q10" s="620"/>
      <c r="R10" s="621" t="s">
        <v>130</v>
      </c>
      <c r="S10" s="622"/>
      <c r="T10" s="622"/>
      <c r="U10" s="622"/>
      <c r="V10" s="622"/>
      <c r="W10" s="622"/>
      <c r="X10" s="622"/>
      <c r="Y10" s="623"/>
      <c r="Z10" s="659" t="s">
        <v>130</v>
      </c>
      <c r="AA10" s="659"/>
      <c r="AB10" s="659"/>
      <c r="AC10" s="659"/>
      <c r="AD10" s="660" t="s">
        <v>130</v>
      </c>
      <c r="AE10" s="660"/>
      <c r="AF10" s="660"/>
      <c r="AG10" s="660"/>
      <c r="AH10" s="660"/>
      <c r="AI10" s="660"/>
      <c r="AJ10" s="660"/>
      <c r="AK10" s="660"/>
      <c r="AL10" s="624" t="s">
        <v>130</v>
      </c>
      <c r="AM10" s="625"/>
      <c r="AN10" s="625"/>
      <c r="AO10" s="661"/>
      <c r="AP10" s="618" t="s">
        <v>245</v>
      </c>
      <c r="AQ10" s="619"/>
      <c r="AR10" s="619"/>
      <c r="AS10" s="619"/>
      <c r="AT10" s="619"/>
      <c r="AU10" s="619"/>
      <c r="AV10" s="619"/>
      <c r="AW10" s="619"/>
      <c r="AX10" s="619"/>
      <c r="AY10" s="619"/>
      <c r="AZ10" s="619"/>
      <c r="BA10" s="619"/>
      <c r="BB10" s="619"/>
      <c r="BC10" s="619"/>
      <c r="BD10" s="619"/>
      <c r="BE10" s="619"/>
      <c r="BF10" s="620"/>
      <c r="BG10" s="621">
        <v>14566</v>
      </c>
      <c r="BH10" s="622"/>
      <c r="BI10" s="622"/>
      <c r="BJ10" s="622"/>
      <c r="BK10" s="622"/>
      <c r="BL10" s="622"/>
      <c r="BM10" s="622"/>
      <c r="BN10" s="623"/>
      <c r="BO10" s="659">
        <v>2.1</v>
      </c>
      <c r="BP10" s="659"/>
      <c r="BQ10" s="659"/>
      <c r="BR10" s="659"/>
      <c r="BS10" s="660" t="s">
        <v>130</v>
      </c>
      <c r="BT10" s="660"/>
      <c r="BU10" s="660"/>
      <c r="BV10" s="660"/>
      <c r="BW10" s="660"/>
      <c r="BX10" s="660"/>
      <c r="BY10" s="660"/>
      <c r="BZ10" s="660"/>
      <c r="CA10" s="660"/>
      <c r="CB10" s="700"/>
      <c r="CD10" s="618" t="s">
        <v>246</v>
      </c>
      <c r="CE10" s="619"/>
      <c r="CF10" s="619"/>
      <c r="CG10" s="619"/>
      <c r="CH10" s="619"/>
      <c r="CI10" s="619"/>
      <c r="CJ10" s="619"/>
      <c r="CK10" s="619"/>
      <c r="CL10" s="619"/>
      <c r="CM10" s="619"/>
      <c r="CN10" s="619"/>
      <c r="CO10" s="619"/>
      <c r="CP10" s="619"/>
      <c r="CQ10" s="620"/>
      <c r="CR10" s="621">
        <v>51500</v>
      </c>
      <c r="CS10" s="622"/>
      <c r="CT10" s="622"/>
      <c r="CU10" s="622"/>
      <c r="CV10" s="622"/>
      <c r="CW10" s="622"/>
      <c r="CX10" s="622"/>
      <c r="CY10" s="623"/>
      <c r="CZ10" s="659">
        <v>0.7</v>
      </c>
      <c r="DA10" s="659"/>
      <c r="DB10" s="659"/>
      <c r="DC10" s="659"/>
      <c r="DD10" s="627" t="s">
        <v>247</v>
      </c>
      <c r="DE10" s="622"/>
      <c r="DF10" s="622"/>
      <c r="DG10" s="622"/>
      <c r="DH10" s="622"/>
      <c r="DI10" s="622"/>
      <c r="DJ10" s="622"/>
      <c r="DK10" s="622"/>
      <c r="DL10" s="622"/>
      <c r="DM10" s="622"/>
      <c r="DN10" s="622"/>
      <c r="DO10" s="622"/>
      <c r="DP10" s="623"/>
      <c r="DQ10" s="627">
        <v>22853</v>
      </c>
      <c r="DR10" s="622"/>
      <c r="DS10" s="622"/>
      <c r="DT10" s="622"/>
      <c r="DU10" s="622"/>
      <c r="DV10" s="622"/>
      <c r="DW10" s="622"/>
      <c r="DX10" s="622"/>
      <c r="DY10" s="622"/>
      <c r="DZ10" s="622"/>
      <c r="EA10" s="622"/>
      <c r="EB10" s="622"/>
      <c r="EC10" s="658"/>
    </row>
    <row r="11" spans="2:143" ht="11.25" customHeight="1" x14ac:dyDescent="0.2">
      <c r="B11" s="618" t="s">
        <v>248</v>
      </c>
      <c r="C11" s="619"/>
      <c r="D11" s="619"/>
      <c r="E11" s="619"/>
      <c r="F11" s="619"/>
      <c r="G11" s="619"/>
      <c r="H11" s="619"/>
      <c r="I11" s="619"/>
      <c r="J11" s="619"/>
      <c r="K11" s="619"/>
      <c r="L11" s="619"/>
      <c r="M11" s="619"/>
      <c r="N11" s="619"/>
      <c r="O11" s="619"/>
      <c r="P11" s="619"/>
      <c r="Q11" s="620"/>
      <c r="R11" s="621">
        <v>119043</v>
      </c>
      <c r="S11" s="622"/>
      <c r="T11" s="622"/>
      <c r="U11" s="622"/>
      <c r="V11" s="622"/>
      <c r="W11" s="622"/>
      <c r="X11" s="622"/>
      <c r="Y11" s="623"/>
      <c r="Z11" s="624">
        <v>1.6</v>
      </c>
      <c r="AA11" s="625"/>
      <c r="AB11" s="625"/>
      <c r="AC11" s="626"/>
      <c r="AD11" s="627">
        <v>119043</v>
      </c>
      <c r="AE11" s="622"/>
      <c r="AF11" s="622"/>
      <c r="AG11" s="622"/>
      <c r="AH11" s="622"/>
      <c r="AI11" s="622"/>
      <c r="AJ11" s="622"/>
      <c r="AK11" s="623"/>
      <c r="AL11" s="624">
        <v>4.2</v>
      </c>
      <c r="AM11" s="625"/>
      <c r="AN11" s="625"/>
      <c r="AO11" s="661"/>
      <c r="AP11" s="618" t="s">
        <v>249</v>
      </c>
      <c r="AQ11" s="619"/>
      <c r="AR11" s="619"/>
      <c r="AS11" s="619"/>
      <c r="AT11" s="619"/>
      <c r="AU11" s="619"/>
      <c r="AV11" s="619"/>
      <c r="AW11" s="619"/>
      <c r="AX11" s="619"/>
      <c r="AY11" s="619"/>
      <c r="AZ11" s="619"/>
      <c r="BA11" s="619"/>
      <c r="BB11" s="619"/>
      <c r="BC11" s="619"/>
      <c r="BD11" s="619"/>
      <c r="BE11" s="619"/>
      <c r="BF11" s="620"/>
      <c r="BG11" s="621">
        <v>14075</v>
      </c>
      <c r="BH11" s="622"/>
      <c r="BI11" s="622"/>
      <c r="BJ11" s="622"/>
      <c r="BK11" s="622"/>
      <c r="BL11" s="622"/>
      <c r="BM11" s="622"/>
      <c r="BN11" s="623"/>
      <c r="BO11" s="659">
        <v>2.1</v>
      </c>
      <c r="BP11" s="659"/>
      <c r="BQ11" s="659"/>
      <c r="BR11" s="659"/>
      <c r="BS11" s="660">
        <v>4021</v>
      </c>
      <c r="BT11" s="660"/>
      <c r="BU11" s="660"/>
      <c r="BV11" s="660"/>
      <c r="BW11" s="660"/>
      <c r="BX11" s="660"/>
      <c r="BY11" s="660"/>
      <c r="BZ11" s="660"/>
      <c r="CA11" s="660"/>
      <c r="CB11" s="700"/>
      <c r="CD11" s="618" t="s">
        <v>250</v>
      </c>
      <c r="CE11" s="619"/>
      <c r="CF11" s="619"/>
      <c r="CG11" s="619"/>
      <c r="CH11" s="619"/>
      <c r="CI11" s="619"/>
      <c r="CJ11" s="619"/>
      <c r="CK11" s="619"/>
      <c r="CL11" s="619"/>
      <c r="CM11" s="619"/>
      <c r="CN11" s="619"/>
      <c r="CO11" s="619"/>
      <c r="CP11" s="619"/>
      <c r="CQ11" s="620"/>
      <c r="CR11" s="621">
        <v>936080</v>
      </c>
      <c r="CS11" s="622"/>
      <c r="CT11" s="622"/>
      <c r="CU11" s="622"/>
      <c r="CV11" s="622"/>
      <c r="CW11" s="622"/>
      <c r="CX11" s="622"/>
      <c r="CY11" s="623"/>
      <c r="CZ11" s="659">
        <v>12.7</v>
      </c>
      <c r="DA11" s="659"/>
      <c r="DB11" s="659"/>
      <c r="DC11" s="659"/>
      <c r="DD11" s="627">
        <v>303716</v>
      </c>
      <c r="DE11" s="622"/>
      <c r="DF11" s="622"/>
      <c r="DG11" s="622"/>
      <c r="DH11" s="622"/>
      <c r="DI11" s="622"/>
      <c r="DJ11" s="622"/>
      <c r="DK11" s="622"/>
      <c r="DL11" s="622"/>
      <c r="DM11" s="622"/>
      <c r="DN11" s="622"/>
      <c r="DO11" s="622"/>
      <c r="DP11" s="623"/>
      <c r="DQ11" s="627">
        <v>158792</v>
      </c>
      <c r="DR11" s="622"/>
      <c r="DS11" s="622"/>
      <c r="DT11" s="622"/>
      <c r="DU11" s="622"/>
      <c r="DV11" s="622"/>
      <c r="DW11" s="622"/>
      <c r="DX11" s="622"/>
      <c r="DY11" s="622"/>
      <c r="DZ11" s="622"/>
      <c r="EA11" s="622"/>
      <c r="EB11" s="622"/>
      <c r="EC11" s="658"/>
    </row>
    <row r="12" spans="2:143" ht="11.25" customHeight="1" x14ac:dyDescent="0.2">
      <c r="B12" s="618" t="s">
        <v>251</v>
      </c>
      <c r="C12" s="619"/>
      <c r="D12" s="619"/>
      <c r="E12" s="619"/>
      <c r="F12" s="619"/>
      <c r="G12" s="619"/>
      <c r="H12" s="619"/>
      <c r="I12" s="619"/>
      <c r="J12" s="619"/>
      <c r="K12" s="619"/>
      <c r="L12" s="619"/>
      <c r="M12" s="619"/>
      <c r="N12" s="619"/>
      <c r="O12" s="619"/>
      <c r="P12" s="619"/>
      <c r="Q12" s="620"/>
      <c r="R12" s="621" t="s">
        <v>130</v>
      </c>
      <c r="S12" s="622"/>
      <c r="T12" s="622"/>
      <c r="U12" s="622"/>
      <c r="V12" s="622"/>
      <c r="W12" s="622"/>
      <c r="X12" s="622"/>
      <c r="Y12" s="623"/>
      <c r="Z12" s="659" t="s">
        <v>130</v>
      </c>
      <c r="AA12" s="659"/>
      <c r="AB12" s="659"/>
      <c r="AC12" s="659"/>
      <c r="AD12" s="660" t="s">
        <v>130</v>
      </c>
      <c r="AE12" s="660"/>
      <c r="AF12" s="660"/>
      <c r="AG12" s="660"/>
      <c r="AH12" s="660"/>
      <c r="AI12" s="660"/>
      <c r="AJ12" s="660"/>
      <c r="AK12" s="660"/>
      <c r="AL12" s="624" t="s">
        <v>146</v>
      </c>
      <c r="AM12" s="625"/>
      <c r="AN12" s="625"/>
      <c r="AO12" s="661"/>
      <c r="AP12" s="618" t="s">
        <v>252</v>
      </c>
      <c r="AQ12" s="619"/>
      <c r="AR12" s="619"/>
      <c r="AS12" s="619"/>
      <c r="AT12" s="619"/>
      <c r="AU12" s="619"/>
      <c r="AV12" s="619"/>
      <c r="AW12" s="619"/>
      <c r="AX12" s="619"/>
      <c r="AY12" s="619"/>
      <c r="AZ12" s="619"/>
      <c r="BA12" s="619"/>
      <c r="BB12" s="619"/>
      <c r="BC12" s="619"/>
      <c r="BD12" s="619"/>
      <c r="BE12" s="619"/>
      <c r="BF12" s="620"/>
      <c r="BG12" s="621">
        <v>398519</v>
      </c>
      <c r="BH12" s="622"/>
      <c r="BI12" s="622"/>
      <c r="BJ12" s="622"/>
      <c r="BK12" s="622"/>
      <c r="BL12" s="622"/>
      <c r="BM12" s="622"/>
      <c r="BN12" s="623"/>
      <c r="BO12" s="659">
        <v>58.3</v>
      </c>
      <c r="BP12" s="659"/>
      <c r="BQ12" s="659"/>
      <c r="BR12" s="659"/>
      <c r="BS12" s="660" t="s">
        <v>130</v>
      </c>
      <c r="BT12" s="660"/>
      <c r="BU12" s="660"/>
      <c r="BV12" s="660"/>
      <c r="BW12" s="660"/>
      <c r="BX12" s="660"/>
      <c r="BY12" s="660"/>
      <c r="BZ12" s="660"/>
      <c r="CA12" s="660"/>
      <c r="CB12" s="700"/>
      <c r="CD12" s="618" t="s">
        <v>253</v>
      </c>
      <c r="CE12" s="619"/>
      <c r="CF12" s="619"/>
      <c r="CG12" s="619"/>
      <c r="CH12" s="619"/>
      <c r="CI12" s="619"/>
      <c r="CJ12" s="619"/>
      <c r="CK12" s="619"/>
      <c r="CL12" s="619"/>
      <c r="CM12" s="619"/>
      <c r="CN12" s="619"/>
      <c r="CO12" s="619"/>
      <c r="CP12" s="619"/>
      <c r="CQ12" s="620"/>
      <c r="CR12" s="621">
        <v>499315</v>
      </c>
      <c r="CS12" s="622"/>
      <c r="CT12" s="622"/>
      <c r="CU12" s="622"/>
      <c r="CV12" s="622"/>
      <c r="CW12" s="622"/>
      <c r="CX12" s="622"/>
      <c r="CY12" s="623"/>
      <c r="CZ12" s="659">
        <v>6.8</v>
      </c>
      <c r="DA12" s="659"/>
      <c r="DB12" s="659"/>
      <c r="DC12" s="659"/>
      <c r="DD12" s="627">
        <v>23793</v>
      </c>
      <c r="DE12" s="622"/>
      <c r="DF12" s="622"/>
      <c r="DG12" s="622"/>
      <c r="DH12" s="622"/>
      <c r="DI12" s="622"/>
      <c r="DJ12" s="622"/>
      <c r="DK12" s="622"/>
      <c r="DL12" s="622"/>
      <c r="DM12" s="622"/>
      <c r="DN12" s="622"/>
      <c r="DO12" s="622"/>
      <c r="DP12" s="623"/>
      <c r="DQ12" s="627">
        <v>192770</v>
      </c>
      <c r="DR12" s="622"/>
      <c r="DS12" s="622"/>
      <c r="DT12" s="622"/>
      <c r="DU12" s="622"/>
      <c r="DV12" s="622"/>
      <c r="DW12" s="622"/>
      <c r="DX12" s="622"/>
      <c r="DY12" s="622"/>
      <c r="DZ12" s="622"/>
      <c r="EA12" s="622"/>
      <c r="EB12" s="622"/>
      <c r="EC12" s="658"/>
    </row>
    <row r="13" spans="2:143" ht="11.25" customHeight="1" x14ac:dyDescent="0.2">
      <c r="B13" s="618" t="s">
        <v>254</v>
      </c>
      <c r="C13" s="619"/>
      <c r="D13" s="619"/>
      <c r="E13" s="619"/>
      <c r="F13" s="619"/>
      <c r="G13" s="619"/>
      <c r="H13" s="619"/>
      <c r="I13" s="619"/>
      <c r="J13" s="619"/>
      <c r="K13" s="619"/>
      <c r="L13" s="619"/>
      <c r="M13" s="619"/>
      <c r="N13" s="619"/>
      <c r="O13" s="619"/>
      <c r="P13" s="619"/>
      <c r="Q13" s="620"/>
      <c r="R13" s="621" t="s">
        <v>130</v>
      </c>
      <c r="S13" s="622"/>
      <c r="T13" s="622"/>
      <c r="U13" s="622"/>
      <c r="V13" s="622"/>
      <c r="W13" s="622"/>
      <c r="X13" s="622"/>
      <c r="Y13" s="623"/>
      <c r="Z13" s="659" t="s">
        <v>130</v>
      </c>
      <c r="AA13" s="659"/>
      <c r="AB13" s="659"/>
      <c r="AC13" s="659"/>
      <c r="AD13" s="660" t="s">
        <v>146</v>
      </c>
      <c r="AE13" s="660"/>
      <c r="AF13" s="660"/>
      <c r="AG13" s="660"/>
      <c r="AH13" s="660"/>
      <c r="AI13" s="660"/>
      <c r="AJ13" s="660"/>
      <c r="AK13" s="660"/>
      <c r="AL13" s="624" t="s">
        <v>130</v>
      </c>
      <c r="AM13" s="625"/>
      <c r="AN13" s="625"/>
      <c r="AO13" s="661"/>
      <c r="AP13" s="618" t="s">
        <v>255</v>
      </c>
      <c r="AQ13" s="619"/>
      <c r="AR13" s="619"/>
      <c r="AS13" s="619"/>
      <c r="AT13" s="619"/>
      <c r="AU13" s="619"/>
      <c r="AV13" s="619"/>
      <c r="AW13" s="619"/>
      <c r="AX13" s="619"/>
      <c r="AY13" s="619"/>
      <c r="AZ13" s="619"/>
      <c r="BA13" s="619"/>
      <c r="BB13" s="619"/>
      <c r="BC13" s="619"/>
      <c r="BD13" s="619"/>
      <c r="BE13" s="619"/>
      <c r="BF13" s="620"/>
      <c r="BG13" s="621">
        <v>280269</v>
      </c>
      <c r="BH13" s="622"/>
      <c r="BI13" s="622"/>
      <c r="BJ13" s="622"/>
      <c r="BK13" s="622"/>
      <c r="BL13" s="622"/>
      <c r="BM13" s="622"/>
      <c r="BN13" s="623"/>
      <c r="BO13" s="659">
        <v>41</v>
      </c>
      <c r="BP13" s="659"/>
      <c r="BQ13" s="659"/>
      <c r="BR13" s="659"/>
      <c r="BS13" s="660" t="s">
        <v>130</v>
      </c>
      <c r="BT13" s="660"/>
      <c r="BU13" s="660"/>
      <c r="BV13" s="660"/>
      <c r="BW13" s="660"/>
      <c r="BX13" s="660"/>
      <c r="BY13" s="660"/>
      <c r="BZ13" s="660"/>
      <c r="CA13" s="660"/>
      <c r="CB13" s="700"/>
      <c r="CD13" s="618" t="s">
        <v>256</v>
      </c>
      <c r="CE13" s="619"/>
      <c r="CF13" s="619"/>
      <c r="CG13" s="619"/>
      <c r="CH13" s="619"/>
      <c r="CI13" s="619"/>
      <c r="CJ13" s="619"/>
      <c r="CK13" s="619"/>
      <c r="CL13" s="619"/>
      <c r="CM13" s="619"/>
      <c r="CN13" s="619"/>
      <c r="CO13" s="619"/>
      <c r="CP13" s="619"/>
      <c r="CQ13" s="620"/>
      <c r="CR13" s="621">
        <v>1069515</v>
      </c>
      <c r="CS13" s="622"/>
      <c r="CT13" s="622"/>
      <c r="CU13" s="622"/>
      <c r="CV13" s="622"/>
      <c r="CW13" s="622"/>
      <c r="CX13" s="622"/>
      <c r="CY13" s="623"/>
      <c r="CZ13" s="659">
        <v>14.5</v>
      </c>
      <c r="DA13" s="659"/>
      <c r="DB13" s="659"/>
      <c r="DC13" s="659"/>
      <c r="DD13" s="627">
        <v>294442</v>
      </c>
      <c r="DE13" s="622"/>
      <c r="DF13" s="622"/>
      <c r="DG13" s="622"/>
      <c r="DH13" s="622"/>
      <c r="DI13" s="622"/>
      <c r="DJ13" s="622"/>
      <c r="DK13" s="622"/>
      <c r="DL13" s="622"/>
      <c r="DM13" s="622"/>
      <c r="DN13" s="622"/>
      <c r="DO13" s="622"/>
      <c r="DP13" s="623"/>
      <c r="DQ13" s="627">
        <v>749349</v>
      </c>
      <c r="DR13" s="622"/>
      <c r="DS13" s="622"/>
      <c r="DT13" s="622"/>
      <c r="DU13" s="622"/>
      <c r="DV13" s="622"/>
      <c r="DW13" s="622"/>
      <c r="DX13" s="622"/>
      <c r="DY13" s="622"/>
      <c r="DZ13" s="622"/>
      <c r="EA13" s="622"/>
      <c r="EB13" s="622"/>
      <c r="EC13" s="658"/>
    </row>
    <row r="14" spans="2:143" ht="11.25" customHeight="1" x14ac:dyDescent="0.2">
      <c r="B14" s="618" t="s">
        <v>257</v>
      </c>
      <c r="C14" s="619"/>
      <c r="D14" s="619"/>
      <c r="E14" s="619"/>
      <c r="F14" s="619"/>
      <c r="G14" s="619"/>
      <c r="H14" s="619"/>
      <c r="I14" s="619"/>
      <c r="J14" s="619"/>
      <c r="K14" s="619"/>
      <c r="L14" s="619"/>
      <c r="M14" s="619"/>
      <c r="N14" s="619"/>
      <c r="O14" s="619"/>
      <c r="P14" s="619"/>
      <c r="Q14" s="620"/>
      <c r="R14" s="621">
        <v>1</v>
      </c>
      <c r="S14" s="622"/>
      <c r="T14" s="622"/>
      <c r="U14" s="622"/>
      <c r="V14" s="622"/>
      <c r="W14" s="622"/>
      <c r="X14" s="622"/>
      <c r="Y14" s="623"/>
      <c r="Z14" s="659">
        <v>0</v>
      </c>
      <c r="AA14" s="659"/>
      <c r="AB14" s="659"/>
      <c r="AC14" s="659"/>
      <c r="AD14" s="660">
        <v>1</v>
      </c>
      <c r="AE14" s="660"/>
      <c r="AF14" s="660"/>
      <c r="AG14" s="660"/>
      <c r="AH14" s="660"/>
      <c r="AI14" s="660"/>
      <c r="AJ14" s="660"/>
      <c r="AK14" s="660"/>
      <c r="AL14" s="624">
        <v>0</v>
      </c>
      <c r="AM14" s="625"/>
      <c r="AN14" s="625"/>
      <c r="AO14" s="661"/>
      <c r="AP14" s="618" t="s">
        <v>258</v>
      </c>
      <c r="AQ14" s="619"/>
      <c r="AR14" s="619"/>
      <c r="AS14" s="619"/>
      <c r="AT14" s="619"/>
      <c r="AU14" s="619"/>
      <c r="AV14" s="619"/>
      <c r="AW14" s="619"/>
      <c r="AX14" s="619"/>
      <c r="AY14" s="619"/>
      <c r="AZ14" s="619"/>
      <c r="BA14" s="619"/>
      <c r="BB14" s="619"/>
      <c r="BC14" s="619"/>
      <c r="BD14" s="619"/>
      <c r="BE14" s="619"/>
      <c r="BF14" s="620"/>
      <c r="BG14" s="621">
        <v>17576</v>
      </c>
      <c r="BH14" s="622"/>
      <c r="BI14" s="622"/>
      <c r="BJ14" s="622"/>
      <c r="BK14" s="622"/>
      <c r="BL14" s="622"/>
      <c r="BM14" s="622"/>
      <c r="BN14" s="623"/>
      <c r="BO14" s="659">
        <v>2.6</v>
      </c>
      <c r="BP14" s="659"/>
      <c r="BQ14" s="659"/>
      <c r="BR14" s="659"/>
      <c r="BS14" s="660" t="s">
        <v>130</v>
      </c>
      <c r="BT14" s="660"/>
      <c r="BU14" s="660"/>
      <c r="BV14" s="660"/>
      <c r="BW14" s="660"/>
      <c r="BX14" s="660"/>
      <c r="BY14" s="660"/>
      <c r="BZ14" s="660"/>
      <c r="CA14" s="660"/>
      <c r="CB14" s="700"/>
      <c r="CD14" s="618" t="s">
        <v>259</v>
      </c>
      <c r="CE14" s="619"/>
      <c r="CF14" s="619"/>
      <c r="CG14" s="619"/>
      <c r="CH14" s="619"/>
      <c r="CI14" s="619"/>
      <c r="CJ14" s="619"/>
      <c r="CK14" s="619"/>
      <c r="CL14" s="619"/>
      <c r="CM14" s="619"/>
      <c r="CN14" s="619"/>
      <c r="CO14" s="619"/>
      <c r="CP14" s="619"/>
      <c r="CQ14" s="620"/>
      <c r="CR14" s="621">
        <v>309370</v>
      </c>
      <c r="CS14" s="622"/>
      <c r="CT14" s="622"/>
      <c r="CU14" s="622"/>
      <c r="CV14" s="622"/>
      <c r="CW14" s="622"/>
      <c r="CX14" s="622"/>
      <c r="CY14" s="623"/>
      <c r="CZ14" s="659">
        <v>4.2</v>
      </c>
      <c r="DA14" s="659"/>
      <c r="DB14" s="659"/>
      <c r="DC14" s="659"/>
      <c r="DD14" s="627">
        <v>26633</v>
      </c>
      <c r="DE14" s="622"/>
      <c r="DF14" s="622"/>
      <c r="DG14" s="622"/>
      <c r="DH14" s="622"/>
      <c r="DI14" s="622"/>
      <c r="DJ14" s="622"/>
      <c r="DK14" s="622"/>
      <c r="DL14" s="622"/>
      <c r="DM14" s="622"/>
      <c r="DN14" s="622"/>
      <c r="DO14" s="622"/>
      <c r="DP14" s="623"/>
      <c r="DQ14" s="627">
        <v>83040</v>
      </c>
      <c r="DR14" s="622"/>
      <c r="DS14" s="622"/>
      <c r="DT14" s="622"/>
      <c r="DU14" s="622"/>
      <c r="DV14" s="622"/>
      <c r="DW14" s="622"/>
      <c r="DX14" s="622"/>
      <c r="DY14" s="622"/>
      <c r="DZ14" s="622"/>
      <c r="EA14" s="622"/>
      <c r="EB14" s="622"/>
      <c r="EC14" s="658"/>
    </row>
    <row r="15" spans="2:143" ht="11.25" customHeight="1" x14ac:dyDescent="0.2">
      <c r="B15" s="618" t="s">
        <v>260</v>
      </c>
      <c r="C15" s="619"/>
      <c r="D15" s="619"/>
      <c r="E15" s="619"/>
      <c r="F15" s="619"/>
      <c r="G15" s="619"/>
      <c r="H15" s="619"/>
      <c r="I15" s="619"/>
      <c r="J15" s="619"/>
      <c r="K15" s="619"/>
      <c r="L15" s="619"/>
      <c r="M15" s="619"/>
      <c r="N15" s="619"/>
      <c r="O15" s="619"/>
      <c r="P15" s="619"/>
      <c r="Q15" s="620"/>
      <c r="R15" s="621" t="s">
        <v>130</v>
      </c>
      <c r="S15" s="622"/>
      <c r="T15" s="622"/>
      <c r="U15" s="622"/>
      <c r="V15" s="622"/>
      <c r="W15" s="622"/>
      <c r="X15" s="622"/>
      <c r="Y15" s="623"/>
      <c r="Z15" s="659" t="s">
        <v>130</v>
      </c>
      <c r="AA15" s="659"/>
      <c r="AB15" s="659"/>
      <c r="AC15" s="659"/>
      <c r="AD15" s="660" t="s">
        <v>130</v>
      </c>
      <c r="AE15" s="660"/>
      <c r="AF15" s="660"/>
      <c r="AG15" s="660"/>
      <c r="AH15" s="660"/>
      <c r="AI15" s="660"/>
      <c r="AJ15" s="660"/>
      <c r="AK15" s="660"/>
      <c r="AL15" s="624" t="s">
        <v>130</v>
      </c>
      <c r="AM15" s="625"/>
      <c r="AN15" s="625"/>
      <c r="AO15" s="661"/>
      <c r="AP15" s="618" t="s">
        <v>261</v>
      </c>
      <c r="AQ15" s="619"/>
      <c r="AR15" s="619"/>
      <c r="AS15" s="619"/>
      <c r="AT15" s="619"/>
      <c r="AU15" s="619"/>
      <c r="AV15" s="619"/>
      <c r="AW15" s="619"/>
      <c r="AX15" s="619"/>
      <c r="AY15" s="619"/>
      <c r="AZ15" s="619"/>
      <c r="BA15" s="619"/>
      <c r="BB15" s="619"/>
      <c r="BC15" s="619"/>
      <c r="BD15" s="619"/>
      <c r="BE15" s="619"/>
      <c r="BF15" s="620"/>
      <c r="BG15" s="621">
        <v>20339</v>
      </c>
      <c r="BH15" s="622"/>
      <c r="BI15" s="622"/>
      <c r="BJ15" s="622"/>
      <c r="BK15" s="622"/>
      <c r="BL15" s="622"/>
      <c r="BM15" s="622"/>
      <c r="BN15" s="623"/>
      <c r="BO15" s="659">
        <v>3</v>
      </c>
      <c r="BP15" s="659"/>
      <c r="BQ15" s="659"/>
      <c r="BR15" s="659"/>
      <c r="BS15" s="660" t="s">
        <v>130</v>
      </c>
      <c r="BT15" s="660"/>
      <c r="BU15" s="660"/>
      <c r="BV15" s="660"/>
      <c r="BW15" s="660"/>
      <c r="BX15" s="660"/>
      <c r="BY15" s="660"/>
      <c r="BZ15" s="660"/>
      <c r="CA15" s="660"/>
      <c r="CB15" s="700"/>
      <c r="CD15" s="618" t="s">
        <v>262</v>
      </c>
      <c r="CE15" s="619"/>
      <c r="CF15" s="619"/>
      <c r="CG15" s="619"/>
      <c r="CH15" s="619"/>
      <c r="CI15" s="619"/>
      <c r="CJ15" s="619"/>
      <c r="CK15" s="619"/>
      <c r="CL15" s="619"/>
      <c r="CM15" s="619"/>
      <c r="CN15" s="619"/>
      <c r="CO15" s="619"/>
      <c r="CP15" s="619"/>
      <c r="CQ15" s="620"/>
      <c r="CR15" s="621">
        <v>661304</v>
      </c>
      <c r="CS15" s="622"/>
      <c r="CT15" s="622"/>
      <c r="CU15" s="622"/>
      <c r="CV15" s="622"/>
      <c r="CW15" s="622"/>
      <c r="CX15" s="622"/>
      <c r="CY15" s="623"/>
      <c r="CZ15" s="659">
        <v>9</v>
      </c>
      <c r="DA15" s="659"/>
      <c r="DB15" s="659"/>
      <c r="DC15" s="659"/>
      <c r="DD15" s="627">
        <v>138163</v>
      </c>
      <c r="DE15" s="622"/>
      <c r="DF15" s="622"/>
      <c r="DG15" s="622"/>
      <c r="DH15" s="622"/>
      <c r="DI15" s="622"/>
      <c r="DJ15" s="622"/>
      <c r="DK15" s="622"/>
      <c r="DL15" s="622"/>
      <c r="DM15" s="622"/>
      <c r="DN15" s="622"/>
      <c r="DO15" s="622"/>
      <c r="DP15" s="623"/>
      <c r="DQ15" s="627">
        <v>300064</v>
      </c>
      <c r="DR15" s="622"/>
      <c r="DS15" s="622"/>
      <c r="DT15" s="622"/>
      <c r="DU15" s="622"/>
      <c r="DV15" s="622"/>
      <c r="DW15" s="622"/>
      <c r="DX15" s="622"/>
      <c r="DY15" s="622"/>
      <c r="DZ15" s="622"/>
      <c r="EA15" s="622"/>
      <c r="EB15" s="622"/>
      <c r="EC15" s="658"/>
    </row>
    <row r="16" spans="2:143" ht="11.25" customHeight="1" x14ac:dyDescent="0.2">
      <c r="B16" s="618" t="s">
        <v>263</v>
      </c>
      <c r="C16" s="619"/>
      <c r="D16" s="619"/>
      <c r="E16" s="619"/>
      <c r="F16" s="619"/>
      <c r="G16" s="619"/>
      <c r="H16" s="619"/>
      <c r="I16" s="619"/>
      <c r="J16" s="619"/>
      <c r="K16" s="619"/>
      <c r="L16" s="619"/>
      <c r="M16" s="619"/>
      <c r="N16" s="619"/>
      <c r="O16" s="619"/>
      <c r="P16" s="619"/>
      <c r="Q16" s="620"/>
      <c r="R16" s="621">
        <v>7841</v>
      </c>
      <c r="S16" s="622"/>
      <c r="T16" s="622"/>
      <c r="U16" s="622"/>
      <c r="V16" s="622"/>
      <c r="W16" s="622"/>
      <c r="X16" s="622"/>
      <c r="Y16" s="623"/>
      <c r="Z16" s="659">
        <v>0.1</v>
      </c>
      <c r="AA16" s="659"/>
      <c r="AB16" s="659"/>
      <c r="AC16" s="659"/>
      <c r="AD16" s="660">
        <v>7841</v>
      </c>
      <c r="AE16" s="660"/>
      <c r="AF16" s="660"/>
      <c r="AG16" s="660"/>
      <c r="AH16" s="660"/>
      <c r="AI16" s="660"/>
      <c r="AJ16" s="660"/>
      <c r="AK16" s="660"/>
      <c r="AL16" s="624">
        <v>0.3</v>
      </c>
      <c r="AM16" s="625"/>
      <c r="AN16" s="625"/>
      <c r="AO16" s="661"/>
      <c r="AP16" s="618" t="s">
        <v>264</v>
      </c>
      <c r="AQ16" s="619"/>
      <c r="AR16" s="619"/>
      <c r="AS16" s="619"/>
      <c r="AT16" s="619"/>
      <c r="AU16" s="619"/>
      <c r="AV16" s="619"/>
      <c r="AW16" s="619"/>
      <c r="AX16" s="619"/>
      <c r="AY16" s="619"/>
      <c r="AZ16" s="619"/>
      <c r="BA16" s="619"/>
      <c r="BB16" s="619"/>
      <c r="BC16" s="619"/>
      <c r="BD16" s="619"/>
      <c r="BE16" s="619"/>
      <c r="BF16" s="620"/>
      <c r="BG16" s="621">
        <v>3561</v>
      </c>
      <c r="BH16" s="622"/>
      <c r="BI16" s="622"/>
      <c r="BJ16" s="622"/>
      <c r="BK16" s="622"/>
      <c r="BL16" s="622"/>
      <c r="BM16" s="622"/>
      <c r="BN16" s="623"/>
      <c r="BO16" s="659">
        <v>0.5</v>
      </c>
      <c r="BP16" s="659"/>
      <c r="BQ16" s="659"/>
      <c r="BR16" s="659"/>
      <c r="BS16" s="660" t="s">
        <v>130</v>
      </c>
      <c r="BT16" s="660"/>
      <c r="BU16" s="660"/>
      <c r="BV16" s="660"/>
      <c r="BW16" s="660"/>
      <c r="BX16" s="660"/>
      <c r="BY16" s="660"/>
      <c r="BZ16" s="660"/>
      <c r="CA16" s="660"/>
      <c r="CB16" s="700"/>
      <c r="CD16" s="618" t="s">
        <v>265</v>
      </c>
      <c r="CE16" s="619"/>
      <c r="CF16" s="619"/>
      <c r="CG16" s="619"/>
      <c r="CH16" s="619"/>
      <c r="CI16" s="619"/>
      <c r="CJ16" s="619"/>
      <c r="CK16" s="619"/>
      <c r="CL16" s="619"/>
      <c r="CM16" s="619"/>
      <c r="CN16" s="619"/>
      <c r="CO16" s="619"/>
      <c r="CP16" s="619"/>
      <c r="CQ16" s="620"/>
      <c r="CR16" s="621">
        <v>136309</v>
      </c>
      <c r="CS16" s="622"/>
      <c r="CT16" s="622"/>
      <c r="CU16" s="622"/>
      <c r="CV16" s="622"/>
      <c r="CW16" s="622"/>
      <c r="CX16" s="622"/>
      <c r="CY16" s="623"/>
      <c r="CZ16" s="659">
        <v>1.9</v>
      </c>
      <c r="DA16" s="659"/>
      <c r="DB16" s="659"/>
      <c r="DC16" s="659"/>
      <c r="DD16" s="627" t="s">
        <v>146</v>
      </c>
      <c r="DE16" s="622"/>
      <c r="DF16" s="622"/>
      <c r="DG16" s="622"/>
      <c r="DH16" s="622"/>
      <c r="DI16" s="622"/>
      <c r="DJ16" s="622"/>
      <c r="DK16" s="622"/>
      <c r="DL16" s="622"/>
      <c r="DM16" s="622"/>
      <c r="DN16" s="622"/>
      <c r="DO16" s="622"/>
      <c r="DP16" s="623"/>
      <c r="DQ16" s="627">
        <v>6309</v>
      </c>
      <c r="DR16" s="622"/>
      <c r="DS16" s="622"/>
      <c r="DT16" s="622"/>
      <c r="DU16" s="622"/>
      <c r="DV16" s="622"/>
      <c r="DW16" s="622"/>
      <c r="DX16" s="622"/>
      <c r="DY16" s="622"/>
      <c r="DZ16" s="622"/>
      <c r="EA16" s="622"/>
      <c r="EB16" s="622"/>
      <c r="EC16" s="658"/>
    </row>
    <row r="17" spans="2:133" ht="11.25" customHeight="1" x14ac:dyDescent="0.2">
      <c r="B17" s="618" t="s">
        <v>266</v>
      </c>
      <c r="C17" s="619"/>
      <c r="D17" s="619"/>
      <c r="E17" s="619"/>
      <c r="F17" s="619"/>
      <c r="G17" s="619"/>
      <c r="H17" s="619"/>
      <c r="I17" s="619"/>
      <c r="J17" s="619"/>
      <c r="K17" s="619"/>
      <c r="L17" s="619"/>
      <c r="M17" s="619"/>
      <c r="N17" s="619"/>
      <c r="O17" s="619"/>
      <c r="P17" s="619"/>
      <c r="Q17" s="620"/>
      <c r="R17" s="621">
        <v>18287</v>
      </c>
      <c r="S17" s="622"/>
      <c r="T17" s="622"/>
      <c r="U17" s="622"/>
      <c r="V17" s="622"/>
      <c r="W17" s="622"/>
      <c r="X17" s="622"/>
      <c r="Y17" s="623"/>
      <c r="Z17" s="659">
        <v>0.2</v>
      </c>
      <c r="AA17" s="659"/>
      <c r="AB17" s="659"/>
      <c r="AC17" s="659"/>
      <c r="AD17" s="660">
        <v>18287</v>
      </c>
      <c r="AE17" s="660"/>
      <c r="AF17" s="660"/>
      <c r="AG17" s="660"/>
      <c r="AH17" s="660"/>
      <c r="AI17" s="660"/>
      <c r="AJ17" s="660"/>
      <c r="AK17" s="660"/>
      <c r="AL17" s="624">
        <v>0.6</v>
      </c>
      <c r="AM17" s="625"/>
      <c r="AN17" s="625"/>
      <c r="AO17" s="661"/>
      <c r="AP17" s="618" t="s">
        <v>267</v>
      </c>
      <c r="AQ17" s="619"/>
      <c r="AR17" s="619"/>
      <c r="AS17" s="619"/>
      <c r="AT17" s="619"/>
      <c r="AU17" s="619"/>
      <c r="AV17" s="619"/>
      <c r="AW17" s="619"/>
      <c r="AX17" s="619"/>
      <c r="AY17" s="619"/>
      <c r="AZ17" s="619"/>
      <c r="BA17" s="619"/>
      <c r="BB17" s="619"/>
      <c r="BC17" s="619"/>
      <c r="BD17" s="619"/>
      <c r="BE17" s="619"/>
      <c r="BF17" s="620"/>
      <c r="BG17" s="621" t="s">
        <v>130</v>
      </c>
      <c r="BH17" s="622"/>
      <c r="BI17" s="622"/>
      <c r="BJ17" s="622"/>
      <c r="BK17" s="622"/>
      <c r="BL17" s="622"/>
      <c r="BM17" s="622"/>
      <c r="BN17" s="623"/>
      <c r="BO17" s="659" t="s">
        <v>130</v>
      </c>
      <c r="BP17" s="659"/>
      <c r="BQ17" s="659"/>
      <c r="BR17" s="659"/>
      <c r="BS17" s="660" t="s">
        <v>130</v>
      </c>
      <c r="BT17" s="660"/>
      <c r="BU17" s="660"/>
      <c r="BV17" s="660"/>
      <c r="BW17" s="660"/>
      <c r="BX17" s="660"/>
      <c r="BY17" s="660"/>
      <c r="BZ17" s="660"/>
      <c r="CA17" s="660"/>
      <c r="CB17" s="700"/>
      <c r="CD17" s="618" t="s">
        <v>268</v>
      </c>
      <c r="CE17" s="619"/>
      <c r="CF17" s="619"/>
      <c r="CG17" s="619"/>
      <c r="CH17" s="619"/>
      <c r="CI17" s="619"/>
      <c r="CJ17" s="619"/>
      <c r="CK17" s="619"/>
      <c r="CL17" s="619"/>
      <c r="CM17" s="619"/>
      <c r="CN17" s="619"/>
      <c r="CO17" s="619"/>
      <c r="CP17" s="619"/>
      <c r="CQ17" s="620"/>
      <c r="CR17" s="621">
        <v>207353</v>
      </c>
      <c r="CS17" s="622"/>
      <c r="CT17" s="622"/>
      <c r="CU17" s="622"/>
      <c r="CV17" s="622"/>
      <c r="CW17" s="622"/>
      <c r="CX17" s="622"/>
      <c r="CY17" s="623"/>
      <c r="CZ17" s="659">
        <v>2.8</v>
      </c>
      <c r="DA17" s="659"/>
      <c r="DB17" s="659"/>
      <c r="DC17" s="659"/>
      <c r="DD17" s="627" t="s">
        <v>130</v>
      </c>
      <c r="DE17" s="622"/>
      <c r="DF17" s="622"/>
      <c r="DG17" s="622"/>
      <c r="DH17" s="622"/>
      <c r="DI17" s="622"/>
      <c r="DJ17" s="622"/>
      <c r="DK17" s="622"/>
      <c r="DL17" s="622"/>
      <c r="DM17" s="622"/>
      <c r="DN17" s="622"/>
      <c r="DO17" s="622"/>
      <c r="DP17" s="623"/>
      <c r="DQ17" s="627">
        <v>206410</v>
      </c>
      <c r="DR17" s="622"/>
      <c r="DS17" s="622"/>
      <c r="DT17" s="622"/>
      <c r="DU17" s="622"/>
      <c r="DV17" s="622"/>
      <c r="DW17" s="622"/>
      <c r="DX17" s="622"/>
      <c r="DY17" s="622"/>
      <c r="DZ17" s="622"/>
      <c r="EA17" s="622"/>
      <c r="EB17" s="622"/>
      <c r="EC17" s="658"/>
    </row>
    <row r="18" spans="2:133" ht="11.25" customHeight="1" x14ac:dyDescent="0.2">
      <c r="B18" s="618" t="s">
        <v>269</v>
      </c>
      <c r="C18" s="619"/>
      <c r="D18" s="619"/>
      <c r="E18" s="619"/>
      <c r="F18" s="619"/>
      <c r="G18" s="619"/>
      <c r="H18" s="619"/>
      <c r="I18" s="619"/>
      <c r="J18" s="619"/>
      <c r="K18" s="619"/>
      <c r="L18" s="619"/>
      <c r="M18" s="619"/>
      <c r="N18" s="619"/>
      <c r="O18" s="619"/>
      <c r="P18" s="619"/>
      <c r="Q18" s="620"/>
      <c r="R18" s="621">
        <v>1247</v>
      </c>
      <c r="S18" s="622"/>
      <c r="T18" s="622"/>
      <c r="U18" s="622"/>
      <c r="V18" s="622"/>
      <c r="W18" s="622"/>
      <c r="X18" s="622"/>
      <c r="Y18" s="623"/>
      <c r="Z18" s="659">
        <v>0</v>
      </c>
      <c r="AA18" s="659"/>
      <c r="AB18" s="659"/>
      <c r="AC18" s="659"/>
      <c r="AD18" s="660">
        <v>1247</v>
      </c>
      <c r="AE18" s="660"/>
      <c r="AF18" s="660"/>
      <c r="AG18" s="660"/>
      <c r="AH18" s="660"/>
      <c r="AI18" s="660"/>
      <c r="AJ18" s="660"/>
      <c r="AK18" s="660"/>
      <c r="AL18" s="624">
        <v>0</v>
      </c>
      <c r="AM18" s="625"/>
      <c r="AN18" s="625"/>
      <c r="AO18" s="661"/>
      <c r="AP18" s="618" t="s">
        <v>270</v>
      </c>
      <c r="AQ18" s="619"/>
      <c r="AR18" s="619"/>
      <c r="AS18" s="619"/>
      <c r="AT18" s="619"/>
      <c r="AU18" s="619"/>
      <c r="AV18" s="619"/>
      <c r="AW18" s="619"/>
      <c r="AX18" s="619"/>
      <c r="AY18" s="619"/>
      <c r="AZ18" s="619"/>
      <c r="BA18" s="619"/>
      <c r="BB18" s="619"/>
      <c r="BC18" s="619"/>
      <c r="BD18" s="619"/>
      <c r="BE18" s="619"/>
      <c r="BF18" s="620"/>
      <c r="BG18" s="621" t="s">
        <v>247</v>
      </c>
      <c r="BH18" s="622"/>
      <c r="BI18" s="622"/>
      <c r="BJ18" s="622"/>
      <c r="BK18" s="622"/>
      <c r="BL18" s="622"/>
      <c r="BM18" s="622"/>
      <c r="BN18" s="623"/>
      <c r="BO18" s="659" t="s">
        <v>130</v>
      </c>
      <c r="BP18" s="659"/>
      <c r="BQ18" s="659"/>
      <c r="BR18" s="659"/>
      <c r="BS18" s="660" t="s">
        <v>130</v>
      </c>
      <c r="BT18" s="660"/>
      <c r="BU18" s="660"/>
      <c r="BV18" s="660"/>
      <c r="BW18" s="660"/>
      <c r="BX18" s="660"/>
      <c r="BY18" s="660"/>
      <c r="BZ18" s="660"/>
      <c r="CA18" s="660"/>
      <c r="CB18" s="700"/>
      <c r="CD18" s="618" t="s">
        <v>271</v>
      </c>
      <c r="CE18" s="619"/>
      <c r="CF18" s="619"/>
      <c r="CG18" s="619"/>
      <c r="CH18" s="619"/>
      <c r="CI18" s="619"/>
      <c r="CJ18" s="619"/>
      <c r="CK18" s="619"/>
      <c r="CL18" s="619"/>
      <c r="CM18" s="619"/>
      <c r="CN18" s="619"/>
      <c r="CO18" s="619"/>
      <c r="CP18" s="619"/>
      <c r="CQ18" s="620"/>
      <c r="CR18" s="621" t="s">
        <v>130</v>
      </c>
      <c r="CS18" s="622"/>
      <c r="CT18" s="622"/>
      <c r="CU18" s="622"/>
      <c r="CV18" s="622"/>
      <c r="CW18" s="622"/>
      <c r="CX18" s="622"/>
      <c r="CY18" s="623"/>
      <c r="CZ18" s="659" t="s">
        <v>130</v>
      </c>
      <c r="DA18" s="659"/>
      <c r="DB18" s="659"/>
      <c r="DC18" s="659"/>
      <c r="DD18" s="627" t="s">
        <v>247</v>
      </c>
      <c r="DE18" s="622"/>
      <c r="DF18" s="622"/>
      <c r="DG18" s="622"/>
      <c r="DH18" s="622"/>
      <c r="DI18" s="622"/>
      <c r="DJ18" s="622"/>
      <c r="DK18" s="622"/>
      <c r="DL18" s="622"/>
      <c r="DM18" s="622"/>
      <c r="DN18" s="622"/>
      <c r="DO18" s="622"/>
      <c r="DP18" s="623"/>
      <c r="DQ18" s="627" t="s">
        <v>130</v>
      </c>
      <c r="DR18" s="622"/>
      <c r="DS18" s="622"/>
      <c r="DT18" s="622"/>
      <c r="DU18" s="622"/>
      <c r="DV18" s="622"/>
      <c r="DW18" s="622"/>
      <c r="DX18" s="622"/>
      <c r="DY18" s="622"/>
      <c r="DZ18" s="622"/>
      <c r="EA18" s="622"/>
      <c r="EB18" s="622"/>
      <c r="EC18" s="658"/>
    </row>
    <row r="19" spans="2:133" ht="11.25" customHeight="1" x14ac:dyDescent="0.2">
      <c r="B19" s="618" t="s">
        <v>272</v>
      </c>
      <c r="C19" s="619"/>
      <c r="D19" s="619"/>
      <c r="E19" s="619"/>
      <c r="F19" s="619"/>
      <c r="G19" s="619"/>
      <c r="H19" s="619"/>
      <c r="I19" s="619"/>
      <c r="J19" s="619"/>
      <c r="K19" s="619"/>
      <c r="L19" s="619"/>
      <c r="M19" s="619"/>
      <c r="N19" s="619"/>
      <c r="O19" s="619"/>
      <c r="P19" s="619"/>
      <c r="Q19" s="620"/>
      <c r="R19" s="621">
        <v>1247</v>
      </c>
      <c r="S19" s="622"/>
      <c r="T19" s="622"/>
      <c r="U19" s="622"/>
      <c r="V19" s="622"/>
      <c r="W19" s="622"/>
      <c r="X19" s="622"/>
      <c r="Y19" s="623"/>
      <c r="Z19" s="659">
        <v>0</v>
      </c>
      <c r="AA19" s="659"/>
      <c r="AB19" s="659"/>
      <c r="AC19" s="659"/>
      <c r="AD19" s="660">
        <v>1247</v>
      </c>
      <c r="AE19" s="660"/>
      <c r="AF19" s="660"/>
      <c r="AG19" s="660"/>
      <c r="AH19" s="660"/>
      <c r="AI19" s="660"/>
      <c r="AJ19" s="660"/>
      <c r="AK19" s="660"/>
      <c r="AL19" s="624">
        <v>0</v>
      </c>
      <c r="AM19" s="625"/>
      <c r="AN19" s="625"/>
      <c r="AO19" s="661"/>
      <c r="AP19" s="618" t="s">
        <v>273</v>
      </c>
      <c r="AQ19" s="619"/>
      <c r="AR19" s="619"/>
      <c r="AS19" s="619"/>
      <c r="AT19" s="619"/>
      <c r="AU19" s="619"/>
      <c r="AV19" s="619"/>
      <c r="AW19" s="619"/>
      <c r="AX19" s="619"/>
      <c r="AY19" s="619"/>
      <c r="AZ19" s="619"/>
      <c r="BA19" s="619"/>
      <c r="BB19" s="619"/>
      <c r="BC19" s="619"/>
      <c r="BD19" s="619"/>
      <c r="BE19" s="619"/>
      <c r="BF19" s="620"/>
      <c r="BG19" s="621">
        <v>5950</v>
      </c>
      <c r="BH19" s="622"/>
      <c r="BI19" s="622"/>
      <c r="BJ19" s="622"/>
      <c r="BK19" s="622"/>
      <c r="BL19" s="622"/>
      <c r="BM19" s="622"/>
      <c r="BN19" s="623"/>
      <c r="BO19" s="659">
        <v>0.9</v>
      </c>
      <c r="BP19" s="659"/>
      <c r="BQ19" s="659"/>
      <c r="BR19" s="659"/>
      <c r="BS19" s="660" t="s">
        <v>130</v>
      </c>
      <c r="BT19" s="660"/>
      <c r="BU19" s="660"/>
      <c r="BV19" s="660"/>
      <c r="BW19" s="660"/>
      <c r="BX19" s="660"/>
      <c r="BY19" s="660"/>
      <c r="BZ19" s="660"/>
      <c r="CA19" s="660"/>
      <c r="CB19" s="700"/>
      <c r="CD19" s="618" t="s">
        <v>274</v>
      </c>
      <c r="CE19" s="619"/>
      <c r="CF19" s="619"/>
      <c r="CG19" s="619"/>
      <c r="CH19" s="619"/>
      <c r="CI19" s="619"/>
      <c r="CJ19" s="619"/>
      <c r="CK19" s="619"/>
      <c r="CL19" s="619"/>
      <c r="CM19" s="619"/>
      <c r="CN19" s="619"/>
      <c r="CO19" s="619"/>
      <c r="CP19" s="619"/>
      <c r="CQ19" s="620"/>
      <c r="CR19" s="621" t="s">
        <v>130</v>
      </c>
      <c r="CS19" s="622"/>
      <c r="CT19" s="622"/>
      <c r="CU19" s="622"/>
      <c r="CV19" s="622"/>
      <c r="CW19" s="622"/>
      <c r="CX19" s="622"/>
      <c r="CY19" s="623"/>
      <c r="CZ19" s="659" t="s">
        <v>130</v>
      </c>
      <c r="DA19" s="659"/>
      <c r="DB19" s="659"/>
      <c r="DC19" s="659"/>
      <c r="DD19" s="627" t="s">
        <v>130</v>
      </c>
      <c r="DE19" s="622"/>
      <c r="DF19" s="622"/>
      <c r="DG19" s="622"/>
      <c r="DH19" s="622"/>
      <c r="DI19" s="622"/>
      <c r="DJ19" s="622"/>
      <c r="DK19" s="622"/>
      <c r="DL19" s="622"/>
      <c r="DM19" s="622"/>
      <c r="DN19" s="622"/>
      <c r="DO19" s="622"/>
      <c r="DP19" s="623"/>
      <c r="DQ19" s="627" t="s">
        <v>130</v>
      </c>
      <c r="DR19" s="622"/>
      <c r="DS19" s="622"/>
      <c r="DT19" s="622"/>
      <c r="DU19" s="622"/>
      <c r="DV19" s="622"/>
      <c r="DW19" s="622"/>
      <c r="DX19" s="622"/>
      <c r="DY19" s="622"/>
      <c r="DZ19" s="622"/>
      <c r="EA19" s="622"/>
      <c r="EB19" s="622"/>
      <c r="EC19" s="658"/>
    </row>
    <row r="20" spans="2:133" ht="11.25" customHeight="1" x14ac:dyDescent="0.2">
      <c r="B20" s="688" t="s">
        <v>275</v>
      </c>
      <c r="C20" s="689"/>
      <c r="D20" s="689"/>
      <c r="E20" s="689"/>
      <c r="F20" s="689"/>
      <c r="G20" s="689"/>
      <c r="H20" s="689"/>
      <c r="I20" s="689"/>
      <c r="J20" s="689"/>
      <c r="K20" s="689"/>
      <c r="L20" s="689"/>
      <c r="M20" s="689"/>
      <c r="N20" s="689"/>
      <c r="O20" s="689"/>
      <c r="P20" s="689"/>
      <c r="Q20" s="690"/>
      <c r="R20" s="621" t="s">
        <v>247</v>
      </c>
      <c r="S20" s="622"/>
      <c r="T20" s="622"/>
      <c r="U20" s="622"/>
      <c r="V20" s="622"/>
      <c r="W20" s="622"/>
      <c r="X20" s="622"/>
      <c r="Y20" s="623"/>
      <c r="Z20" s="659" t="s">
        <v>130</v>
      </c>
      <c r="AA20" s="659"/>
      <c r="AB20" s="659"/>
      <c r="AC20" s="659"/>
      <c r="AD20" s="660" t="s">
        <v>130</v>
      </c>
      <c r="AE20" s="660"/>
      <c r="AF20" s="660"/>
      <c r="AG20" s="660"/>
      <c r="AH20" s="660"/>
      <c r="AI20" s="660"/>
      <c r="AJ20" s="660"/>
      <c r="AK20" s="660"/>
      <c r="AL20" s="624" t="s">
        <v>130</v>
      </c>
      <c r="AM20" s="625"/>
      <c r="AN20" s="625"/>
      <c r="AO20" s="661"/>
      <c r="AP20" s="618" t="s">
        <v>276</v>
      </c>
      <c r="AQ20" s="619"/>
      <c r="AR20" s="619"/>
      <c r="AS20" s="619"/>
      <c r="AT20" s="619"/>
      <c r="AU20" s="619"/>
      <c r="AV20" s="619"/>
      <c r="AW20" s="619"/>
      <c r="AX20" s="619"/>
      <c r="AY20" s="619"/>
      <c r="AZ20" s="619"/>
      <c r="BA20" s="619"/>
      <c r="BB20" s="619"/>
      <c r="BC20" s="619"/>
      <c r="BD20" s="619"/>
      <c r="BE20" s="619"/>
      <c r="BF20" s="620"/>
      <c r="BG20" s="621">
        <v>5950</v>
      </c>
      <c r="BH20" s="622"/>
      <c r="BI20" s="622"/>
      <c r="BJ20" s="622"/>
      <c r="BK20" s="622"/>
      <c r="BL20" s="622"/>
      <c r="BM20" s="622"/>
      <c r="BN20" s="623"/>
      <c r="BO20" s="659">
        <v>0.9</v>
      </c>
      <c r="BP20" s="659"/>
      <c r="BQ20" s="659"/>
      <c r="BR20" s="659"/>
      <c r="BS20" s="660" t="s">
        <v>130</v>
      </c>
      <c r="BT20" s="660"/>
      <c r="BU20" s="660"/>
      <c r="BV20" s="660"/>
      <c r="BW20" s="660"/>
      <c r="BX20" s="660"/>
      <c r="BY20" s="660"/>
      <c r="BZ20" s="660"/>
      <c r="CA20" s="660"/>
      <c r="CB20" s="700"/>
      <c r="CD20" s="618" t="s">
        <v>277</v>
      </c>
      <c r="CE20" s="619"/>
      <c r="CF20" s="619"/>
      <c r="CG20" s="619"/>
      <c r="CH20" s="619"/>
      <c r="CI20" s="619"/>
      <c r="CJ20" s="619"/>
      <c r="CK20" s="619"/>
      <c r="CL20" s="619"/>
      <c r="CM20" s="619"/>
      <c r="CN20" s="619"/>
      <c r="CO20" s="619"/>
      <c r="CP20" s="619"/>
      <c r="CQ20" s="620"/>
      <c r="CR20" s="621">
        <v>7356246</v>
      </c>
      <c r="CS20" s="622"/>
      <c r="CT20" s="622"/>
      <c r="CU20" s="622"/>
      <c r="CV20" s="622"/>
      <c r="CW20" s="622"/>
      <c r="CX20" s="622"/>
      <c r="CY20" s="623"/>
      <c r="CZ20" s="659">
        <v>100</v>
      </c>
      <c r="DA20" s="659"/>
      <c r="DB20" s="659"/>
      <c r="DC20" s="659"/>
      <c r="DD20" s="627">
        <v>849549</v>
      </c>
      <c r="DE20" s="622"/>
      <c r="DF20" s="622"/>
      <c r="DG20" s="622"/>
      <c r="DH20" s="622"/>
      <c r="DI20" s="622"/>
      <c r="DJ20" s="622"/>
      <c r="DK20" s="622"/>
      <c r="DL20" s="622"/>
      <c r="DM20" s="622"/>
      <c r="DN20" s="622"/>
      <c r="DO20" s="622"/>
      <c r="DP20" s="623"/>
      <c r="DQ20" s="627">
        <v>3812885</v>
      </c>
      <c r="DR20" s="622"/>
      <c r="DS20" s="622"/>
      <c r="DT20" s="622"/>
      <c r="DU20" s="622"/>
      <c r="DV20" s="622"/>
      <c r="DW20" s="622"/>
      <c r="DX20" s="622"/>
      <c r="DY20" s="622"/>
      <c r="DZ20" s="622"/>
      <c r="EA20" s="622"/>
      <c r="EB20" s="622"/>
      <c r="EC20" s="658"/>
    </row>
    <row r="21" spans="2:133" ht="11.25" customHeight="1" x14ac:dyDescent="0.2">
      <c r="B21" s="618" t="s">
        <v>278</v>
      </c>
      <c r="C21" s="619"/>
      <c r="D21" s="619"/>
      <c r="E21" s="619"/>
      <c r="F21" s="619"/>
      <c r="G21" s="619"/>
      <c r="H21" s="619"/>
      <c r="I21" s="619"/>
      <c r="J21" s="619"/>
      <c r="K21" s="619"/>
      <c r="L21" s="619"/>
      <c r="M21" s="619"/>
      <c r="N21" s="619"/>
      <c r="O21" s="619"/>
      <c r="P21" s="619"/>
      <c r="Q21" s="620"/>
      <c r="R21" s="621">
        <v>2149785</v>
      </c>
      <c r="S21" s="622"/>
      <c r="T21" s="622"/>
      <c r="U21" s="622"/>
      <c r="V21" s="622"/>
      <c r="W21" s="622"/>
      <c r="X21" s="622"/>
      <c r="Y21" s="623"/>
      <c r="Z21" s="659">
        <v>28.1</v>
      </c>
      <c r="AA21" s="659"/>
      <c r="AB21" s="659"/>
      <c r="AC21" s="659"/>
      <c r="AD21" s="660">
        <v>1915736</v>
      </c>
      <c r="AE21" s="660"/>
      <c r="AF21" s="660"/>
      <c r="AG21" s="660"/>
      <c r="AH21" s="660"/>
      <c r="AI21" s="660"/>
      <c r="AJ21" s="660"/>
      <c r="AK21" s="660"/>
      <c r="AL21" s="624">
        <v>67.5</v>
      </c>
      <c r="AM21" s="625"/>
      <c r="AN21" s="625"/>
      <c r="AO21" s="661"/>
      <c r="AP21" s="618" t="s">
        <v>279</v>
      </c>
      <c r="AQ21" s="698"/>
      <c r="AR21" s="698"/>
      <c r="AS21" s="698"/>
      <c r="AT21" s="698"/>
      <c r="AU21" s="698"/>
      <c r="AV21" s="698"/>
      <c r="AW21" s="698"/>
      <c r="AX21" s="698"/>
      <c r="AY21" s="698"/>
      <c r="AZ21" s="698"/>
      <c r="BA21" s="698"/>
      <c r="BB21" s="698"/>
      <c r="BC21" s="698"/>
      <c r="BD21" s="698"/>
      <c r="BE21" s="698"/>
      <c r="BF21" s="699"/>
      <c r="BG21" s="621">
        <v>5950</v>
      </c>
      <c r="BH21" s="622"/>
      <c r="BI21" s="622"/>
      <c r="BJ21" s="622"/>
      <c r="BK21" s="622"/>
      <c r="BL21" s="622"/>
      <c r="BM21" s="622"/>
      <c r="BN21" s="623"/>
      <c r="BO21" s="659">
        <v>0.9</v>
      </c>
      <c r="BP21" s="659"/>
      <c r="BQ21" s="659"/>
      <c r="BR21" s="659"/>
      <c r="BS21" s="660" t="s">
        <v>130</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0</v>
      </c>
      <c r="C22" s="619"/>
      <c r="D22" s="619"/>
      <c r="E22" s="619"/>
      <c r="F22" s="619"/>
      <c r="G22" s="619"/>
      <c r="H22" s="619"/>
      <c r="I22" s="619"/>
      <c r="J22" s="619"/>
      <c r="K22" s="619"/>
      <c r="L22" s="619"/>
      <c r="M22" s="619"/>
      <c r="N22" s="619"/>
      <c r="O22" s="619"/>
      <c r="P22" s="619"/>
      <c r="Q22" s="620"/>
      <c r="R22" s="621">
        <v>1915736</v>
      </c>
      <c r="S22" s="622"/>
      <c r="T22" s="622"/>
      <c r="U22" s="622"/>
      <c r="V22" s="622"/>
      <c r="W22" s="622"/>
      <c r="X22" s="622"/>
      <c r="Y22" s="623"/>
      <c r="Z22" s="659">
        <v>25</v>
      </c>
      <c r="AA22" s="659"/>
      <c r="AB22" s="659"/>
      <c r="AC22" s="659"/>
      <c r="AD22" s="660">
        <v>1915736</v>
      </c>
      <c r="AE22" s="660"/>
      <c r="AF22" s="660"/>
      <c r="AG22" s="660"/>
      <c r="AH22" s="660"/>
      <c r="AI22" s="660"/>
      <c r="AJ22" s="660"/>
      <c r="AK22" s="660"/>
      <c r="AL22" s="624">
        <v>67.5</v>
      </c>
      <c r="AM22" s="625"/>
      <c r="AN22" s="625"/>
      <c r="AO22" s="661"/>
      <c r="AP22" s="618" t="s">
        <v>281</v>
      </c>
      <c r="AQ22" s="698"/>
      <c r="AR22" s="698"/>
      <c r="AS22" s="698"/>
      <c r="AT22" s="698"/>
      <c r="AU22" s="698"/>
      <c r="AV22" s="698"/>
      <c r="AW22" s="698"/>
      <c r="AX22" s="698"/>
      <c r="AY22" s="698"/>
      <c r="AZ22" s="698"/>
      <c r="BA22" s="698"/>
      <c r="BB22" s="698"/>
      <c r="BC22" s="698"/>
      <c r="BD22" s="698"/>
      <c r="BE22" s="698"/>
      <c r="BF22" s="699"/>
      <c r="BG22" s="621" t="s">
        <v>130</v>
      </c>
      <c r="BH22" s="622"/>
      <c r="BI22" s="622"/>
      <c r="BJ22" s="622"/>
      <c r="BK22" s="622"/>
      <c r="BL22" s="622"/>
      <c r="BM22" s="622"/>
      <c r="BN22" s="623"/>
      <c r="BO22" s="659" t="s">
        <v>130</v>
      </c>
      <c r="BP22" s="659"/>
      <c r="BQ22" s="659"/>
      <c r="BR22" s="659"/>
      <c r="BS22" s="660" t="s">
        <v>130</v>
      </c>
      <c r="BT22" s="660"/>
      <c r="BU22" s="660"/>
      <c r="BV22" s="660"/>
      <c r="BW22" s="660"/>
      <c r="BX22" s="660"/>
      <c r="BY22" s="660"/>
      <c r="BZ22" s="660"/>
      <c r="CA22" s="660"/>
      <c r="CB22" s="700"/>
      <c r="CD22" s="673" t="s">
        <v>282</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3</v>
      </c>
      <c r="C23" s="619"/>
      <c r="D23" s="619"/>
      <c r="E23" s="619"/>
      <c r="F23" s="619"/>
      <c r="G23" s="619"/>
      <c r="H23" s="619"/>
      <c r="I23" s="619"/>
      <c r="J23" s="619"/>
      <c r="K23" s="619"/>
      <c r="L23" s="619"/>
      <c r="M23" s="619"/>
      <c r="N23" s="619"/>
      <c r="O23" s="619"/>
      <c r="P23" s="619"/>
      <c r="Q23" s="620"/>
      <c r="R23" s="621">
        <v>234049</v>
      </c>
      <c r="S23" s="622"/>
      <c r="T23" s="622"/>
      <c r="U23" s="622"/>
      <c r="V23" s="622"/>
      <c r="W23" s="622"/>
      <c r="X23" s="622"/>
      <c r="Y23" s="623"/>
      <c r="Z23" s="659">
        <v>3.1</v>
      </c>
      <c r="AA23" s="659"/>
      <c r="AB23" s="659"/>
      <c r="AC23" s="659"/>
      <c r="AD23" s="660" t="s">
        <v>130</v>
      </c>
      <c r="AE23" s="660"/>
      <c r="AF23" s="660"/>
      <c r="AG23" s="660"/>
      <c r="AH23" s="660"/>
      <c r="AI23" s="660"/>
      <c r="AJ23" s="660"/>
      <c r="AK23" s="660"/>
      <c r="AL23" s="624" t="s">
        <v>130</v>
      </c>
      <c r="AM23" s="625"/>
      <c r="AN23" s="625"/>
      <c r="AO23" s="661"/>
      <c r="AP23" s="618" t="s">
        <v>284</v>
      </c>
      <c r="AQ23" s="698"/>
      <c r="AR23" s="698"/>
      <c r="AS23" s="698"/>
      <c r="AT23" s="698"/>
      <c r="AU23" s="698"/>
      <c r="AV23" s="698"/>
      <c r="AW23" s="698"/>
      <c r="AX23" s="698"/>
      <c r="AY23" s="698"/>
      <c r="AZ23" s="698"/>
      <c r="BA23" s="698"/>
      <c r="BB23" s="698"/>
      <c r="BC23" s="698"/>
      <c r="BD23" s="698"/>
      <c r="BE23" s="698"/>
      <c r="BF23" s="699"/>
      <c r="BG23" s="621" t="s">
        <v>130</v>
      </c>
      <c r="BH23" s="622"/>
      <c r="BI23" s="622"/>
      <c r="BJ23" s="622"/>
      <c r="BK23" s="622"/>
      <c r="BL23" s="622"/>
      <c r="BM23" s="622"/>
      <c r="BN23" s="623"/>
      <c r="BO23" s="659" t="s">
        <v>130</v>
      </c>
      <c r="BP23" s="659"/>
      <c r="BQ23" s="659"/>
      <c r="BR23" s="659"/>
      <c r="BS23" s="660" t="s">
        <v>247</v>
      </c>
      <c r="BT23" s="660"/>
      <c r="BU23" s="660"/>
      <c r="BV23" s="660"/>
      <c r="BW23" s="660"/>
      <c r="BX23" s="660"/>
      <c r="BY23" s="660"/>
      <c r="BZ23" s="660"/>
      <c r="CA23" s="660"/>
      <c r="CB23" s="700"/>
      <c r="CD23" s="673" t="s">
        <v>223</v>
      </c>
      <c r="CE23" s="674"/>
      <c r="CF23" s="674"/>
      <c r="CG23" s="674"/>
      <c r="CH23" s="674"/>
      <c r="CI23" s="674"/>
      <c r="CJ23" s="674"/>
      <c r="CK23" s="674"/>
      <c r="CL23" s="674"/>
      <c r="CM23" s="674"/>
      <c r="CN23" s="674"/>
      <c r="CO23" s="674"/>
      <c r="CP23" s="674"/>
      <c r="CQ23" s="675"/>
      <c r="CR23" s="673" t="s">
        <v>285</v>
      </c>
      <c r="CS23" s="674"/>
      <c r="CT23" s="674"/>
      <c r="CU23" s="674"/>
      <c r="CV23" s="674"/>
      <c r="CW23" s="674"/>
      <c r="CX23" s="674"/>
      <c r="CY23" s="675"/>
      <c r="CZ23" s="673" t="s">
        <v>286</v>
      </c>
      <c r="DA23" s="674"/>
      <c r="DB23" s="674"/>
      <c r="DC23" s="675"/>
      <c r="DD23" s="673" t="s">
        <v>287</v>
      </c>
      <c r="DE23" s="674"/>
      <c r="DF23" s="674"/>
      <c r="DG23" s="674"/>
      <c r="DH23" s="674"/>
      <c r="DI23" s="674"/>
      <c r="DJ23" s="674"/>
      <c r="DK23" s="675"/>
      <c r="DL23" s="711" t="s">
        <v>288</v>
      </c>
      <c r="DM23" s="712"/>
      <c r="DN23" s="712"/>
      <c r="DO23" s="712"/>
      <c r="DP23" s="712"/>
      <c r="DQ23" s="712"/>
      <c r="DR23" s="712"/>
      <c r="DS23" s="712"/>
      <c r="DT23" s="712"/>
      <c r="DU23" s="712"/>
      <c r="DV23" s="713"/>
      <c r="DW23" s="673" t="s">
        <v>289</v>
      </c>
      <c r="DX23" s="674"/>
      <c r="DY23" s="674"/>
      <c r="DZ23" s="674"/>
      <c r="EA23" s="674"/>
      <c r="EB23" s="674"/>
      <c r="EC23" s="675"/>
    </row>
    <row r="24" spans="2:133" ht="11.25" customHeight="1" x14ac:dyDescent="0.2">
      <c r="B24" s="618" t="s">
        <v>290</v>
      </c>
      <c r="C24" s="619"/>
      <c r="D24" s="619"/>
      <c r="E24" s="619"/>
      <c r="F24" s="619"/>
      <c r="G24" s="619"/>
      <c r="H24" s="619"/>
      <c r="I24" s="619"/>
      <c r="J24" s="619"/>
      <c r="K24" s="619"/>
      <c r="L24" s="619"/>
      <c r="M24" s="619"/>
      <c r="N24" s="619"/>
      <c r="O24" s="619"/>
      <c r="P24" s="619"/>
      <c r="Q24" s="620"/>
      <c r="R24" s="621" t="s">
        <v>247</v>
      </c>
      <c r="S24" s="622"/>
      <c r="T24" s="622"/>
      <c r="U24" s="622"/>
      <c r="V24" s="622"/>
      <c r="W24" s="622"/>
      <c r="X24" s="622"/>
      <c r="Y24" s="623"/>
      <c r="Z24" s="659" t="s">
        <v>130</v>
      </c>
      <c r="AA24" s="659"/>
      <c r="AB24" s="659"/>
      <c r="AC24" s="659"/>
      <c r="AD24" s="660" t="s">
        <v>130</v>
      </c>
      <c r="AE24" s="660"/>
      <c r="AF24" s="660"/>
      <c r="AG24" s="660"/>
      <c r="AH24" s="660"/>
      <c r="AI24" s="660"/>
      <c r="AJ24" s="660"/>
      <c r="AK24" s="660"/>
      <c r="AL24" s="624" t="s">
        <v>130</v>
      </c>
      <c r="AM24" s="625"/>
      <c r="AN24" s="625"/>
      <c r="AO24" s="661"/>
      <c r="AP24" s="618" t="s">
        <v>291</v>
      </c>
      <c r="AQ24" s="698"/>
      <c r="AR24" s="698"/>
      <c r="AS24" s="698"/>
      <c r="AT24" s="698"/>
      <c r="AU24" s="698"/>
      <c r="AV24" s="698"/>
      <c r="AW24" s="698"/>
      <c r="AX24" s="698"/>
      <c r="AY24" s="698"/>
      <c r="AZ24" s="698"/>
      <c r="BA24" s="698"/>
      <c r="BB24" s="698"/>
      <c r="BC24" s="698"/>
      <c r="BD24" s="698"/>
      <c r="BE24" s="698"/>
      <c r="BF24" s="699"/>
      <c r="BG24" s="621" t="s">
        <v>130</v>
      </c>
      <c r="BH24" s="622"/>
      <c r="BI24" s="622"/>
      <c r="BJ24" s="622"/>
      <c r="BK24" s="622"/>
      <c r="BL24" s="622"/>
      <c r="BM24" s="622"/>
      <c r="BN24" s="623"/>
      <c r="BO24" s="659" t="s">
        <v>130</v>
      </c>
      <c r="BP24" s="659"/>
      <c r="BQ24" s="659"/>
      <c r="BR24" s="659"/>
      <c r="BS24" s="660" t="s">
        <v>247</v>
      </c>
      <c r="BT24" s="660"/>
      <c r="BU24" s="660"/>
      <c r="BV24" s="660"/>
      <c r="BW24" s="660"/>
      <c r="BX24" s="660"/>
      <c r="BY24" s="660"/>
      <c r="BZ24" s="660"/>
      <c r="CA24" s="660"/>
      <c r="CB24" s="700"/>
      <c r="CD24" s="679" t="s">
        <v>292</v>
      </c>
      <c r="CE24" s="680"/>
      <c r="CF24" s="680"/>
      <c r="CG24" s="680"/>
      <c r="CH24" s="680"/>
      <c r="CI24" s="680"/>
      <c r="CJ24" s="680"/>
      <c r="CK24" s="680"/>
      <c r="CL24" s="680"/>
      <c r="CM24" s="680"/>
      <c r="CN24" s="680"/>
      <c r="CO24" s="680"/>
      <c r="CP24" s="680"/>
      <c r="CQ24" s="681"/>
      <c r="CR24" s="676">
        <v>1757695</v>
      </c>
      <c r="CS24" s="677"/>
      <c r="CT24" s="677"/>
      <c r="CU24" s="677"/>
      <c r="CV24" s="677"/>
      <c r="CW24" s="677"/>
      <c r="CX24" s="677"/>
      <c r="CY24" s="702"/>
      <c r="CZ24" s="703">
        <v>23.9</v>
      </c>
      <c r="DA24" s="685"/>
      <c r="DB24" s="685"/>
      <c r="DC24" s="705"/>
      <c r="DD24" s="701">
        <v>1228888</v>
      </c>
      <c r="DE24" s="677"/>
      <c r="DF24" s="677"/>
      <c r="DG24" s="677"/>
      <c r="DH24" s="677"/>
      <c r="DI24" s="677"/>
      <c r="DJ24" s="677"/>
      <c r="DK24" s="702"/>
      <c r="DL24" s="701">
        <v>1228842</v>
      </c>
      <c r="DM24" s="677"/>
      <c r="DN24" s="677"/>
      <c r="DO24" s="677"/>
      <c r="DP24" s="677"/>
      <c r="DQ24" s="677"/>
      <c r="DR24" s="677"/>
      <c r="DS24" s="677"/>
      <c r="DT24" s="677"/>
      <c r="DU24" s="677"/>
      <c r="DV24" s="702"/>
      <c r="DW24" s="703">
        <v>42.9</v>
      </c>
      <c r="DX24" s="685"/>
      <c r="DY24" s="685"/>
      <c r="DZ24" s="685"/>
      <c r="EA24" s="685"/>
      <c r="EB24" s="685"/>
      <c r="EC24" s="704"/>
    </row>
    <row r="25" spans="2:133" ht="11.25" customHeight="1" x14ac:dyDescent="0.2">
      <c r="B25" s="618" t="s">
        <v>293</v>
      </c>
      <c r="C25" s="619"/>
      <c r="D25" s="619"/>
      <c r="E25" s="619"/>
      <c r="F25" s="619"/>
      <c r="G25" s="619"/>
      <c r="H25" s="619"/>
      <c r="I25" s="619"/>
      <c r="J25" s="619"/>
      <c r="K25" s="619"/>
      <c r="L25" s="619"/>
      <c r="M25" s="619"/>
      <c r="N25" s="619"/>
      <c r="O25" s="619"/>
      <c r="P25" s="619"/>
      <c r="Q25" s="620"/>
      <c r="R25" s="621">
        <v>3054946</v>
      </c>
      <c r="S25" s="622"/>
      <c r="T25" s="622"/>
      <c r="U25" s="622"/>
      <c r="V25" s="622"/>
      <c r="W25" s="622"/>
      <c r="X25" s="622"/>
      <c r="Y25" s="623"/>
      <c r="Z25" s="659">
        <v>39.9</v>
      </c>
      <c r="AA25" s="659"/>
      <c r="AB25" s="659"/>
      <c r="AC25" s="659"/>
      <c r="AD25" s="660">
        <v>2820897</v>
      </c>
      <c r="AE25" s="660"/>
      <c r="AF25" s="660"/>
      <c r="AG25" s="660"/>
      <c r="AH25" s="660"/>
      <c r="AI25" s="660"/>
      <c r="AJ25" s="660"/>
      <c r="AK25" s="660"/>
      <c r="AL25" s="624">
        <v>99.5</v>
      </c>
      <c r="AM25" s="625"/>
      <c r="AN25" s="625"/>
      <c r="AO25" s="661"/>
      <c r="AP25" s="618" t="s">
        <v>294</v>
      </c>
      <c r="AQ25" s="698"/>
      <c r="AR25" s="698"/>
      <c r="AS25" s="698"/>
      <c r="AT25" s="698"/>
      <c r="AU25" s="698"/>
      <c r="AV25" s="698"/>
      <c r="AW25" s="698"/>
      <c r="AX25" s="698"/>
      <c r="AY25" s="698"/>
      <c r="AZ25" s="698"/>
      <c r="BA25" s="698"/>
      <c r="BB25" s="698"/>
      <c r="BC25" s="698"/>
      <c r="BD25" s="698"/>
      <c r="BE25" s="698"/>
      <c r="BF25" s="699"/>
      <c r="BG25" s="621" t="s">
        <v>130</v>
      </c>
      <c r="BH25" s="622"/>
      <c r="BI25" s="622"/>
      <c r="BJ25" s="622"/>
      <c r="BK25" s="622"/>
      <c r="BL25" s="622"/>
      <c r="BM25" s="622"/>
      <c r="BN25" s="623"/>
      <c r="BO25" s="659" t="s">
        <v>247</v>
      </c>
      <c r="BP25" s="659"/>
      <c r="BQ25" s="659"/>
      <c r="BR25" s="659"/>
      <c r="BS25" s="660" t="s">
        <v>130</v>
      </c>
      <c r="BT25" s="660"/>
      <c r="BU25" s="660"/>
      <c r="BV25" s="660"/>
      <c r="BW25" s="660"/>
      <c r="BX25" s="660"/>
      <c r="BY25" s="660"/>
      <c r="BZ25" s="660"/>
      <c r="CA25" s="660"/>
      <c r="CB25" s="700"/>
      <c r="CD25" s="618" t="s">
        <v>295</v>
      </c>
      <c r="CE25" s="619"/>
      <c r="CF25" s="619"/>
      <c r="CG25" s="619"/>
      <c r="CH25" s="619"/>
      <c r="CI25" s="619"/>
      <c r="CJ25" s="619"/>
      <c r="CK25" s="619"/>
      <c r="CL25" s="619"/>
      <c r="CM25" s="619"/>
      <c r="CN25" s="619"/>
      <c r="CO25" s="619"/>
      <c r="CP25" s="619"/>
      <c r="CQ25" s="620"/>
      <c r="CR25" s="621">
        <v>1039852</v>
      </c>
      <c r="CS25" s="634"/>
      <c r="CT25" s="634"/>
      <c r="CU25" s="634"/>
      <c r="CV25" s="634"/>
      <c r="CW25" s="634"/>
      <c r="CX25" s="634"/>
      <c r="CY25" s="635"/>
      <c r="CZ25" s="624">
        <v>14.1</v>
      </c>
      <c r="DA25" s="636"/>
      <c r="DB25" s="636"/>
      <c r="DC25" s="637"/>
      <c r="DD25" s="627">
        <v>875098</v>
      </c>
      <c r="DE25" s="634"/>
      <c r="DF25" s="634"/>
      <c r="DG25" s="634"/>
      <c r="DH25" s="634"/>
      <c r="DI25" s="634"/>
      <c r="DJ25" s="634"/>
      <c r="DK25" s="635"/>
      <c r="DL25" s="627">
        <v>875052</v>
      </c>
      <c r="DM25" s="634"/>
      <c r="DN25" s="634"/>
      <c r="DO25" s="634"/>
      <c r="DP25" s="634"/>
      <c r="DQ25" s="634"/>
      <c r="DR25" s="634"/>
      <c r="DS25" s="634"/>
      <c r="DT25" s="634"/>
      <c r="DU25" s="634"/>
      <c r="DV25" s="635"/>
      <c r="DW25" s="624">
        <v>30.5</v>
      </c>
      <c r="DX25" s="636"/>
      <c r="DY25" s="636"/>
      <c r="DZ25" s="636"/>
      <c r="EA25" s="636"/>
      <c r="EB25" s="636"/>
      <c r="EC25" s="648"/>
    </row>
    <row r="26" spans="2:133" ht="11.25" customHeight="1" x14ac:dyDescent="0.2">
      <c r="B26" s="618" t="s">
        <v>296</v>
      </c>
      <c r="C26" s="619"/>
      <c r="D26" s="619"/>
      <c r="E26" s="619"/>
      <c r="F26" s="619"/>
      <c r="G26" s="619"/>
      <c r="H26" s="619"/>
      <c r="I26" s="619"/>
      <c r="J26" s="619"/>
      <c r="K26" s="619"/>
      <c r="L26" s="619"/>
      <c r="M26" s="619"/>
      <c r="N26" s="619"/>
      <c r="O26" s="619"/>
      <c r="P26" s="619"/>
      <c r="Q26" s="620"/>
      <c r="R26" s="621">
        <v>1817</v>
      </c>
      <c r="S26" s="622"/>
      <c r="T26" s="622"/>
      <c r="U26" s="622"/>
      <c r="V26" s="622"/>
      <c r="W26" s="622"/>
      <c r="X26" s="622"/>
      <c r="Y26" s="623"/>
      <c r="Z26" s="659">
        <v>0</v>
      </c>
      <c r="AA26" s="659"/>
      <c r="AB26" s="659"/>
      <c r="AC26" s="659"/>
      <c r="AD26" s="660">
        <v>1817</v>
      </c>
      <c r="AE26" s="660"/>
      <c r="AF26" s="660"/>
      <c r="AG26" s="660"/>
      <c r="AH26" s="660"/>
      <c r="AI26" s="660"/>
      <c r="AJ26" s="660"/>
      <c r="AK26" s="660"/>
      <c r="AL26" s="624">
        <v>0.1</v>
      </c>
      <c r="AM26" s="625"/>
      <c r="AN26" s="625"/>
      <c r="AO26" s="661"/>
      <c r="AP26" s="618" t="s">
        <v>297</v>
      </c>
      <c r="AQ26" s="698"/>
      <c r="AR26" s="698"/>
      <c r="AS26" s="698"/>
      <c r="AT26" s="698"/>
      <c r="AU26" s="698"/>
      <c r="AV26" s="698"/>
      <c r="AW26" s="698"/>
      <c r="AX26" s="698"/>
      <c r="AY26" s="698"/>
      <c r="AZ26" s="698"/>
      <c r="BA26" s="698"/>
      <c r="BB26" s="698"/>
      <c r="BC26" s="698"/>
      <c r="BD26" s="698"/>
      <c r="BE26" s="698"/>
      <c r="BF26" s="699"/>
      <c r="BG26" s="621" t="s">
        <v>130</v>
      </c>
      <c r="BH26" s="622"/>
      <c r="BI26" s="622"/>
      <c r="BJ26" s="622"/>
      <c r="BK26" s="622"/>
      <c r="BL26" s="622"/>
      <c r="BM26" s="622"/>
      <c r="BN26" s="623"/>
      <c r="BO26" s="659" t="s">
        <v>130</v>
      </c>
      <c r="BP26" s="659"/>
      <c r="BQ26" s="659"/>
      <c r="BR26" s="659"/>
      <c r="BS26" s="660" t="s">
        <v>130</v>
      </c>
      <c r="BT26" s="660"/>
      <c r="BU26" s="660"/>
      <c r="BV26" s="660"/>
      <c r="BW26" s="660"/>
      <c r="BX26" s="660"/>
      <c r="BY26" s="660"/>
      <c r="BZ26" s="660"/>
      <c r="CA26" s="660"/>
      <c r="CB26" s="700"/>
      <c r="CD26" s="618" t="s">
        <v>298</v>
      </c>
      <c r="CE26" s="619"/>
      <c r="CF26" s="619"/>
      <c r="CG26" s="619"/>
      <c r="CH26" s="619"/>
      <c r="CI26" s="619"/>
      <c r="CJ26" s="619"/>
      <c r="CK26" s="619"/>
      <c r="CL26" s="619"/>
      <c r="CM26" s="619"/>
      <c r="CN26" s="619"/>
      <c r="CO26" s="619"/>
      <c r="CP26" s="619"/>
      <c r="CQ26" s="620"/>
      <c r="CR26" s="621">
        <v>578220</v>
      </c>
      <c r="CS26" s="622"/>
      <c r="CT26" s="622"/>
      <c r="CU26" s="622"/>
      <c r="CV26" s="622"/>
      <c r="CW26" s="622"/>
      <c r="CX26" s="622"/>
      <c r="CY26" s="623"/>
      <c r="CZ26" s="624">
        <v>7.9</v>
      </c>
      <c r="DA26" s="636"/>
      <c r="DB26" s="636"/>
      <c r="DC26" s="637"/>
      <c r="DD26" s="627">
        <v>476473</v>
      </c>
      <c r="DE26" s="622"/>
      <c r="DF26" s="622"/>
      <c r="DG26" s="622"/>
      <c r="DH26" s="622"/>
      <c r="DI26" s="622"/>
      <c r="DJ26" s="622"/>
      <c r="DK26" s="623"/>
      <c r="DL26" s="627" t="s">
        <v>130</v>
      </c>
      <c r="DM26" s="622"/>
      <c r="DN26" s="622"/>
      <c r="DO26" s="622"/>
      <c r="DP26" s="622"/>
      <c r="DQ26" s="622"/>
      <c r="DR26" s="622"/>
      <c r="DS26" s="622"/>
      <c r="DT26" s="622"/>
      <c r="DU26" s="622"/>
      <c r="DV26" s="623"/>
      <c r="DW26" s="624" t="s">
        <v>130</v>
      </c>
      <c r="DX26" s="636"/>
      <c r="DY26" s="636"/>
      <c r="DZ26" s="636"/>
      <c r="EA26" s="636"/>
      <c r="EB26" s="636"/>
      <c r="EC26" s="648"/>
    </row>
    <row r="27" spans="2:133" ht="11.25" customHeight="1" x14ac:dyDescent="0.2">
      <c r="B27" s="618" t="s">
        <v>299</v>
      </c>
      <c r="C27" s="619"/>
      <c r="D27" s="619"/>
      <c r="E27" s="619"/>
      <c r="F27" s="619"/>
      <c r="G27" s="619"/>
      <c r="H27" s="619"/>
      <c r="I27" s="619"/>
      <c r="J27" s="619"/>
      <c r="K27" s="619"/>
      <c r="L27" s="619"/>
      <c r="M27" s="619"/>
      <c r="N27" s="619"/>
      <c r="O27" s="619"/>
      <c r="P27" s="619"/>
      <c r="Q27" s="620"/>
      <c r="R27" s="621">
        <v>7141</v>
      </c>
      <c r="S27" s="622"/>
      <c r="T27" s="622"/>
      <c r="U27" s="622"/>
      <c r="V27" s="622"/>
      <c r="W27" s="622"/>
      <c r="X27" s="622"/>
      <c r="Y27" s="623"/>
      <c r="Z27" s="659">
        <v>0.1</v>
      </c>
      <c r="AA27" s="659"/>
      <c r="AB27" s="659"/>
      <c r="AC27" s="659"/>
      <c r="AD27" s="660" t="s">
        <v>130</v>
      </c>
      <c r="AE27" s="660"/>
      <c r="AF27" s="660"/>
      <c r="AG27" s="660"/>
      <c r="AH27" s="660"/>
      <c r="AI27" s="660"/>
      <c r="AJ27" s="660"/>
      <c r="AK27" s="660"/>
      <c r="AL27" s="624" t="s">
        <v>130</v>
      </c>
      <c r="AM27" s="625"/>
      <c r="AN27" s="625"/>
      <c r="AO27" s="661"/>
      <c r="AP27" s="618" t="s">
        <v>300</v>
      </c>
      <c r="AQ27" s="619"/>
      <c r="AR27" s="619"/>
      <c r="AS27" s="619"/>
      <c r="AT27" s="619"/>
      <c r="AU27" s="619"/>
      <c r="AV27" s="619"/>
      <c r="AW27" s="619"/>
      <c r="AX27" s="619"/>
      <c r="AY27" s="619"/>
      <c r="AZ27" s="619"/>
      <c r="BA27" s="619"/>
      <c r="BB27" s="619"/>
      <c r="BC27" s="619"/>
      <c r="BD27" s="619"/>
      <c r="BE27" s="619"/>
      <c r="BF27" s="620"/>
      <c r="BG27" s="621">
        <v>683945</v>
      </c>
      <c r="BH27" s="622"/>
      <c r="BI27" s="622"/>
      <c r="BJ27" s="622"/>
      <c r="BK27" s="622"/>
      <c r="BL27" s="622"/>
      <c r="BM27" s="622"/>
      <c r="BN27" s="623"/>
      <c r="BO27" s="659">
        <v>100</v>
      </c>
      <c r="BP27" s="659"/>
      <c r="BQ27" s="659"/>
      <c r="BR27" s="659"/>
      <c r="BS27" s="660">
        <v>4021</v>
      </c>
      <c r="BT27" s="660"/>
      <c r="BU27" s="660"/>
      <c r="BV27" s="660"/>
      <c r="BW27" s="660"/>
      <c r="BX27" s="660"/>
      <c r="BY27" s="660"/>
      <c r="BZ27" s="660"/>
      <c r="CA27" s="660"/>
      <c r="CB27" s="700"/>
      <c r="CD27" s="618" t="s">
        <v>301</v>
      </c>
      <c r="CE27" s="619"/>
      <c r="CF27" s="619"/>
      <c r="CG27" s="619"/>
      <c r="CH27" s="619"/>
      <c r="CI27" s="619"/>
      <c r="CJ27" s="619"/>
      <c r="CK27" s="619"/>
      <c r="CL27" s="619"/>
      <c r="CM27" s="619"/>
      <c r="CN27" s="619"/>
      <c r="CO27" s="619"/>
      <c r="CP27" s="619"/>
      <c r="CQ27" s="620"/>
      <c r="CR27" s="621">
        <v>510490</v>
      </c>
      <c r="CS27" s="634"/>
      <c r="CT27" s="634"/>
      <c r="CU27" s="634"/>
      <c r="CV27" s="634"/>
      <c r="CW27" s="634"/>
      <c r="CX27" s="634"/>
      <c r="CY27" s="635"/>
      <c r="CZ27" s="624">
        <v>6.9</v>
      </c>
      <c r="DA27" s="636"/>
      <c r="DB27" s="636"/>
      <c r="DC27" s="637"/>
      <c r="DD27" s="627">
        <v>147380</v>
      </c>
      <c r="DE27" s="634"/>
      <c r="DF27" s="634"/>
      <c r="DG27" s="634"/>
      <c r="DH27" s="634"/>
      <c r="DI27" s="634"/>
      <c r="DJ27" s="634"/>
      <c r="DK27" s="635"/>
      <c r="DL27" s="627">
        <v>147380</v>
      </c>
      <c r="DM27" s="634"/>
      <c r="DN27" s="634"/>
      <c r="DO27" s="634"/>
      <c r="DP27" s="634"/>
      <c r="DQ27" s="634"/>
      <c r="DR27" s="634"/>
      <c r="DS27" s="634"/>
      <c r="DT27" s="634"/>
      <c r="DU27" s="634"/>
      <c r="DV27" s="635"/>
      <c r="DW27" s="624">
        <v>5.0999999999999996</v>
      </c>
      <c r="DX27" s="636"/>
      <c r="DY27" s="636"/>
      <c r="DZ27" s="636"/>
      <c r="EA27" s="636"/>
      <c r="EB27" s="636"/>
      <c r="EC27" s="648"/>
    </row>
    <row r="28" spans="2:133" ht="11.25" customHeight="1" x14ac:dyDescent="0.2">
      <c r="B28" s="618" t="s">
        <v>302</v>
      </c>
      <c r="C28" s="619"/>
      <c r="D28" s="619"/>
      <c r="E28" s="619"/>
      <c r="F28" s="619"/>
      <c r="G28" s="619"/>
      <c r="H28" s="619"/>
      <c r="I28" s="619"/>
      <c r="J28" s="619"/>
      <c r="K28" s="619"/>
      <c r="L28" s="619"/>
      <c r="M28" s="619"/>
      <c r="N28" s="619"/>
      <c r="O28" s="619"/>
      <c r="P28" s="619"/>
      <c r="Q28" s="620"/>
      <c r="R28" s="621">
        <v>127376</v>
      </c>
      <c r="S28" s="622"/>
      <c r="T28" s="622"/>
      <c r="U28" s="622"/>
      <c r="V28" s="622"/>
      <c r="W28" s="622"/>
      <c r="X28" s="622"/>
      <c r="Y28" s="623"/>
      <c r="Z28" s="659">
        <v>1.7</v>
      </c>
      <c r="AA28" s="659"/>
      <c r="AB28" s="659"/>
      <c r="AC28" s="659"/>
      <c r="AD28" s="660">
        <v>3316</v>
      </c>
      <c r="AE28" s="660"/>
      <c r="AF28" s="660"/>
      <c r="AG28" s="660"/>
      <c r="AH28" s="660"/>
      <c r="AI28" s="660"/>
      <c r="AJ28" s="660"/>
      <c r="AK28" s="660"/>
      <c r="AL28" s="624">
        <v>0.1</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3</v>
      </c>
      <c r="CE28" s="619"/>
      <c r="CF28" s="619"/>
      <c r="CG28" s="619"/>
      <c r="CH28" s="619"/>
      <c r="CI28" s="619"/>
      <c r="CJ28" s="619"/>
      <c r="CK28" s="619"/>
      <c r="CL28" s="619"/>
      <c r="CM28" s="619"/>
      <c r="CN28" s="619"/>
      <c r="CO28" s="619"/>
      <c r="CP28" s="619"/>
      <c r="CQ28" s="620"/>
      <c r="CR28" s="621">
        <v>207353</v>
      </c>
      <c r="CS28" s="622"/>
      <c r="CT28" s="622"/>
      <c r="CU28" s="622"/>
      <c r="CV28" s="622"/>
      <c r="CW28" s="622"/>
      <c r="CX28" s="622"/>
      <c r="CY28" s="623"/>
      <c r="CZ28" s="624">
        <v>2.8</v>
      </c>
      <c r="DA28" s="636"/>
      <c r="DB28" s="636"/>
      <c r="DC28" s="637"/>
      <c r="DD28" s="627">
        <v>206410</v>
      </c>
      <c r="DE28" s="622"/>
      <c r="DF28" s="622"/>
      <c r="DG28" s="622"/>
      <c r="DH28" s="622"/>
      <c r="DI28" s="622"/>
      <c r="DJ28" s="622"/>
      <c r="DK28" s="623"/>
      <c r="DL28" s="627">
        <v>206410</v>
      </c>
      <c r="DM28" s="622"/>
      <c r="DN28" s="622"/>
      <c r="DO28" s="622"/>
      <c r="DP28" s="622"/>
      <c r="DQ28" s="622"/>
      <c r="DR28" s="622"/>
      <c r="DS28" s="622"/>
      <c r="DT28" s="622"/>
      <c r="DU28" s="622"/>
      <c r="DV28" s="623"/>
      <c r="DW28" s="624">
        <v>7.2</v>
      </c>
      <c r="DX28" s="636"/>
      <c r="DY28" s="636"/>
      <c r="DZ28" s="636"/>
      <c r="EA28" s="636"/>
      <c r="EB28" s="636"/>
      <c r="EC28" s="648"/>
    </row>
    <row r="29" spans="2:133" ht="11.25" customHeight="1" x14ac:dyDescent="0.2">
      <c r="B29" s="618" t="s">
        <v>304</v>
      </c>
      <c r="C29" s="619"/>
      <c r="D29" s="619"/>
      <c r="E29" s="619"/>
      <c r="F29" s="619"/>
      <c r="G29" s="619"/>
      <c r="H29" s="619"/>
      <c r="I29" s="619"/>
      <c r="J29" s="619"/>
      <c r="K29" s="619"/>
      <c r="L29" s="619"/>
      <c r="M29" s="619"/>
      <c r="N29" s="619"/>
      <c r="O29" s="619"/>
      <c r="P29" s="619"/>
      <c r="Q29" s="620"/>
      <c r="R29" s="621">
        <v>24088</v>
      </c>
      <c r="S29" s="622"/>
      <c r="T29" s="622"/>
      <c r="U29" s="622"/>
      <c r="V29" s="622"/>
      <c r="W29" s="622"/>
      <c r="X29" s="622"/>
      <c r="Y29" s="623"/>
      <c r="Z29" s="659">
        <v>0.3</v>
      </c>
      <c r="AA29" s="659"/>
      <c r="AB29" s="659"/>
      <c r="AC29" s="659"/>
      <c r="AD29" s="660" t="s">
        <v>130</v>
      </c>
      <c r="AE29" s="660"/>
      <c r="AF29" s="660"/>
      <c r="AG29" s="660"/>
      <c r="AH29" s="660"/>
      <c r="AI29" s="660"/>
      <c r="AJ29" s="660"/>
      <c r="AK29" s="660"/>
      <c r="AL29" s="624" t="s">
        <v>130</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05</v>
      </c>
      <c r="CE29" s="641"/>
      <c r="CF29" s="618" t="s">
        <v>71</v>
      </c>
      <c r="CG29" s="619"/>
      <c r="CH29" s="619"/>
      <c r="CI29" s="619"/>
      <c r="CJ29" s="619"/>
      <c r="CK29" s="619"/>
      <c r="CL29" s="619"/>
      <c r="CM29" s="619"/>
      <c r="CN29" s="619"/>
      <c r="CO29" s="619"/>
      <c r="CP29" s="619"/>
      <c r="CQ29" s="620"/>
      <c r="CR29" s="621">
        <v>207353</v>
      </c>
      <c r="CS29" s="634"/>
      <c r="CT29" s="634"/>
      <c r="CU29" s="634"/>
      <c r="CV29" s="634"/>
      <c r="CW29" s="634"/>
      <c r="CX29" s="634"/>
      <c r="CY29" s="635"/>
      <c r="CZ29" s="624">
        <v>2.8</v>
      </c>
      <c r="DA29" s="636"/>
      <c r="DB29" s="636"/>
      <c r="DC29" s="637"/>
      <c r="DD29" s="627">
        <v>206410</v>
      </c>
      <c r="DE29" s="634"/>
      <c r="DF29" s="634"/>
      <c r="DG29" s="634"/>
      <c r="DH29" s="634"/>
      <c r="DI29" s="634"/>
      <c r="DJ29" s="634"/>
      <c r="DK29" s="635"/>
      <c r="DL29" s="627">
        <v>206410</v>
      </c>
      <c r="DM29" s="634"/>
      <c r="DN29" s="634"/>
      <c r="DO29" s="634"/>
      <c r="DP29" s="634"/>
      <c r="DQ29" s="634"/>
      <c r="DR29" s="634"/>
      <c r="DS29" s="634"/>
      <c r="DT29" s="634"/>
      <c r="DU29" s="634"/>
      <c r="DV29" s="635"/>
      <c r="DW29" s="624">
        <v>7.2</v>
      </c>
      <c r="DX29" s="636"/>
      <c r="DY29" s="636"/>
      <c r="DZ29" s="636"/>
      <c r="EA29" s="636"/>
      <c r="EB29" s="636"/>
      <c r="EC29" s="648"/>
    </row>
    <row r="30" spans="2:133" ht="11.25" customHeight="1" x14ac:dyDescent="0.2">
      <c r="B30" s="618" t="s">
        <v>306</v>
      </c>
      <c r="C30" s="619"/>
      <c r="D30" s="619"/>
      <c r="E30" s="619"/>
      <c r="F30" s="619"/>
      <c r="G30" s="619"/>
      <c r="H30" s="619"/>
      <c r="I30" s="619"/>
      <c r="J30" s="619"/>
      <c r="K30" s="619"/>
      <c r="L30" s="619"/>
      <c r="M30" s="619"/>
      <c r="N30" s="619"/>
      <c r="O30" s="619"/>
      <c r="P30" s="619"/>
      <c r="Q30" s="620"/>
      <c r="R30" s="621">
        <v>476616</v>
      </c>
      <c r="S30" s="622"/>
      <c r="T30" s="622"/>
      <c r="U30" s="622"/>
      <c r="V30" s="622"/>
      <c r="W30" s="622"/>
      <c r="X30" s="622"/>
      <c r="Y30" s="623"/>
      <c r="Z30" s="659">
        <v>6.2</v>
      </c>
      <c r="AA30" s="659"/>
      <c r="AB30" s="659"/>
      <c r="AC30" s="659"/>
      <c r="AD30" s="660" t="s">
        <v>130</v>
      </c>
      <c r="AE30" s="660"/>
      <c r="AF30" s="660"/>
      <c r="AG30" s="660"/>
      <c r="AH30" s="660"/>
      <c r="AI30" s="660"/>
      <c r="AJ30" s="660"/>
      <c r="AK30" s="660"/>
      <c r="AL30" s="624" t="s">
        <v>130</v>
      </c>
      <c r="AM30" s="625"/>
      <c r="AN30" s="625"/>
      <c r="AO30" s="661"/>
      <c r="AP30" s="673" t="s">
        <v>223</v>
      </c>
      <c r="AQ30" s="674"/>
      <c r="AR30" s="674"/>
      <c r="AS30" s="674"/>
      <c r="AT30" s="674"/>
      <c r="AU30" s="674"/>
      <c r="AV30" s="674"/>
      <c r="AW30" s="674"/>
      <c r="AX30" s="674"/>
      <c r="AY30" s="674"/>
      <c r="AZ30" s="674"/>
      <c r="BA30" s="674"/>
      <c r="BB30" s="674"/>
      <c r="BC30" s="674"/>
      <c r="BD30" s="674"/>
      <c r="BE30" s="674"/>
      <c r="BF30" s="675"/>
      <c r="BG30" s="673" t="s">
        <v>307</v>
      </c>
      <c r="BH30" s="691"/>
      <c r="BI30" s="691"/>
      <c r="BJ30" s="691"/>
      <c r="BK30" s="691"/>
      <c r="BL30" s="691"/>
      <c r="BM30" s="691"/>
      <c r="BN30" s="691"/>
      <c r="BO30" s="691"/>
      <c r="BP30" s="691"/>
      <c r="BQ30" s="692"/>
      <c r="BR30" s="673" t="s">
        <v>308</v>
      </c>
      <c r="BS30" s="691"/>
      <c r="BT30" s="691"/>
      <c r="BU30" s="691"/>
      <c r="BV30" s="691"/>
      <c r="BW30" s="691"/>
      <c r="BX30" s="691"/>
      <c r="BY30" s="691"/>
      <c r="BZ30" s="691"/>
      <c r="CA30" s="691"/>
      <c r="CB30" s="692"/>
      <c r="CD30" s="642"/>
      <c r="CE30" s="643"/>
      <c r="CF30" s="618" t="s">
        <v>309</v>
      </c>
      <c r="CG30" s="619"/>
      <c r="CH30" s="619"/>
      <c r="CI30" s="619"/>
      <c r="CJ30" s="619"/>
      <c r="CK30" s="619"/>
      <c r="CL30" s="619"/>
      <c r="CM30" s="619"/>
      <c r="CN30" s="619"/>
      <c r="CO30" s="619"/>
      <c r="CP30" s="619"/>
      <c r="CQ30" s="620"/>
      <c r="CR30" s="621">
        <v>203072</v>
      </c>
      <c r="CS30" s="622"/>
      <c r="CT30" s="622"/>
      <c r="CU30" s="622"/>
      <c r="CV30" s="622"/>
      <c r="CW30" s="622"/>
      <c r="CX30" s="622"/>
      <c r="CY30" s="623"/>
      <c r="CZ30" s="624">
        <v>2.8</v>
      </c>
      <c r="DA30" s="636"/>
      <c r="DB30" s="636"/>
      <c r="DC30" s="637"/>
      <c r="DD30" s="627">
        <v>202129</v>
      </c>
      <c r="DE30" s="622"/>
      <c r="DF30" s="622"/>
      <c r="DG30" s="622"/>
      <c r="DH30" s="622"/>
      <c r="DI30" s="622"/>
      <c r="DJ30" s="622"/>
      <c r="DK30" s="623"/>
      <c r="DL30" s="627">
        <v>202129</v>
      </c>
      <c r="DM30" s="622"/>
      <c r="DN30" s="622"/>
      <c r="DO30" s="622"/>
      <c r="DP30" s="622"/>
      <c r="DQ30" s="622"/>
      <c r="DR30" s="622"/>
      <c r="DS30" s="622"/>
      <c r="DT30" s="622"/>
      <c r="DU30" s="622"/>
      <c r="DV30" s="623"/>
      <c r="DW30" s="624">
        <v>7.1</v>
      </c>
      <c r="DX30" s="636"/>
      <c r="DY30" s="636"/>
      <c r="DZ30" s="636"/>
      <c r="EA30" s="636"/>
      <c r="EB30" s="636"/>
      <c r="EC30" s="648"/>
    </row>
    <row r="31" spans="2:133" ht="11.25" customHeight="1" x14ac:dyDescent="0.2">
      <c r="B31" s="688" t="s">
        <v>310</v>
      </c>
      <c r="C31" s="689"/>
      <c r="D31" s="689"/>
      <c r="E31" s="689"/>
      <c r="F31" s="689"/>
      <c r="G31" s="689"/>
      <c r="H31" s="689"/>
      <c r="I31" s="689"/>
      <c r="J31" s="689"/>
      <c r="K31" s="689"/>
      <c r="L31" s="689"/>
      <c r="M31" s="689"/>
      <c r="N31" s="689"/>
      <c r="O31" s="689"/>
      <c r="P31" s="689"/>
      <c r="Q31" s="690"/>
      <c r="R31" s="621" t="s">
        <v>130</v>
      </c>
      <c r="S31" s="622"/>
      <c r="T31" s="622"/>
      <c r="U31" s="622"/>
      <c r="V31" s="622"/>
      <c r="W31" s="622"/>
      <c r="X31" s="622"/>
      <c r="Y31" s="623"/>
      <c r="Z31" s="659" t="s">
        <v>130</v>
      </c>
      <c r="AA31" s="659"/>
      <c r="AB31" s="659"/>
      <c r="AC31" s="659"/>
      <c r="AD31" s="660" t="s">
        <v>130</v>
      </c>
      <c r="AE31" s="660"/>
      <c r="AF31" s="660"/>
      <c r="AG31" s="660"/>
      <c r="AH31" s="660"/>
      <c r="AI31" s="660"/>
      <c r="AJ31" s="660"/>
      <c r="AK31" s="660"/>
      <c r="AL31" s="624" t="s">
        <v>130</v>
      </c>
      <c r="AM31" s="625"/>
      <c r="AN31" s="625"/>
      <c r="AO31" s="661"/>
      <c r="AP31" s="693" t="s">
        <v>311</v>
      </c>
      <c r="AQ31" s="694"/>
      <c r="AR31" s="694"/>
      <c r="AS31" s="694"/>
      <c r="AT31" s="695" t="s">
        <v>312</v>
      </c>
      <c r="AU31" s="218"/>
      <c r="AV31" s="218"/>
      <c r="AW31" s="218"/>
      <c r="AX31" s="679" t="s">
        <v>187</v>
      </c>
      <c r="AY31" s="680"/>
      <c r="AZ31" s="680"/>
      <c r="BA31" s="680"/>
      <c r="BB31" s="680"/>
      <c r="BC31" s="680"/>
      <c r="BD31" s="680"/>
      <c r="BE31" s="680"/>
      <c r="BF31" s="681"/>
      <c r="BG31" s="683">
        <v>99.7</v>
      </c>
      <c r="BH31" s="684"/>
      <c r="BI31" s="684"/>
      <c r="BJ31" s="684"/>
      <c r="BK31" s="684"/>
      <c r="BL31" s="684"/>
      <c r="BM31" s="685">
        <v>99.6</v>
      </c>
      <c r="BN31" s="684"/>
      <c r="BO31" s="684"/>
      <c r="BP31" s="684"/>
      <c r="BQ31" s="686"/>
      <c r="BR31" s="683">
        <v>99.8</v>
      </c>
      <c r="BS31" s="684"/>
      <c r="BT31" s="684"/>
      <c r="BU31" s="684"/>
      <c r="BV31" s="684"/>
      <c r="BW31" s="684"/>
      <c r="BX31" s="685">
        <v>99.7</v>
      </c>
      <c r="BY31" s="684"/>
      <c r="BZ31" s="684"/>
      <c r="CA31" s="684"/>
      <c r="CB31" s="686"/>
      <c r="CD31" s="642"/>
      <c r="CE31" s="643"/>
      <c r="CF31" s="618" t="s">
        <v>313</v>
      </c>
      <c r="CG31" s="619"/>
      <c r="CH31" s="619"/>
      <c r="CI31" s="619"/>
      <c r="CJ31" s="619"/>
      <c r="CK31" s="619"/>
      <c r="CL31" s="619"/>
      <c r="CM31" s="619"/>
      <c r="CN31" s="619"/>
      <c r="CO31" s="619"/>
      <c r="CP31" s="619"/>
      <c r="CQ31" s="620"/>
      <c r="CR31" s="621">
        <v>4281</v>
      </c>
      <c r="CS31" s="634"/>
      <c r="CT31" s="634"/>
      <c r="CU31" s="634"/>
      <c r="CV31" s="634"/>
      <c r="CW31" s="634"/>
      <c r="CX31" s="634"/>
      <c r="CY31" s="635"/>
      <c r="CZ31" s="624">
        <v>0.1</v>
      </c>
      <c r="DA31" s="636"/>
      <c r="DB31" s="636"/>
      <c r="DC31" s="637"/>
      <c r="DD31" s="627">
        <v>4281</v>
      </c>
      <c r="DE31" s="634"/>
      <c r="DF31" s="634"/>
      <c r="DG31" s="634"/>
      <c r="DH31" s="634"/>
      <c r="DI31" s="634"/>
      <c r="DJ31" s="634"/>
      <c r="DK31" s="635"/>
      <c r="DL31" s="627">
        <v>4281</v>
      </c>
      <c r="DM31" s="634"/>
      <c r="DN31" s="634"/>
      <c r="DO31" s="634"/>
      <c r="DP31" s="634"/>
      <c r="DQ31" s="634"/>
      <c r="DR31" s="634"/>
      <c r="DS31" s="634"/>
      <c r="DT31" s="634"/>
      <c r="DU31" s="634"/>
      <c r="DV31" s="635"/>
      <c r="DW31" s="624">
        <v>0.1</v>
      </c>
      <c r="DX31" s="636"/>
      <c r="DY31" s="636"/>
      <c r="DZ31" s="636"/>
      <c r="EA31" s="636"/>
      <c r="EB31" s="636"/>
      <c r="EC31" s="648"/>
    </row>
    <row r="32" spans="2:133" ht="11.25" customHeight="1" x14ac:dyDescent="0.2">
      <c r="B32" s="618" t="s">
        <v>314</v>
      </c>
      <c r="C32" s="619"/>
      <c r="D32" s="619"/>
      <c r="E32" s="619"/>
      <c r="F32" s="619"/>
      <c r="G32" s="619"/>
      <c r="H32" s="619"/>
      <c r="I32" s="619"/>
      <c r="J32" s="619"/>
      <c r="K32" s="619"/>
      <c r="L32" s="619"/>
      <c r="M32" s="619"/>
      <c r="N32" s="619"/>
      <c r="O32" s="619"/>
      <c r="P32" s="619"/>
      <c r="Q32" s="620"/>
      <c r="R32" s="621">
        <v>3048898</v>
      </c>
      <c r="S32" s="622"/>
      <c r="T32" s="622"/>
      <c r="U32" s="622"/>
      <c r="V32" s="622"/>
      <c r="W32" s="622"/>
      <c r="X32" s="622"/>
      <c r="Y32" s="623"/>
      <c r="Z32" s="659">
        <v>39.799999999999997</v>
      </c>
      <c r="AA32" s="659"/>
      <c r="AB32" s="659"/>
      <c r="AC32" s="659"/>
      <c r="AD32" s="660" t="s">
        <v>130</v>
      </c>
      <c r="AE32" s="660"/>
      <c r="AF32" s="660"/>
      <c r="AG32" s="660"/>
      <c r="AH32" s="660"/>
      <c r="AI32" s="660"/>
      <c r="AJ32" s="660"/>
      <c r="AK32" s="660"/>
      <c r="AL32" s="624" t="s">
        <v>130</v>
      </c>
      <c r="AM32" s="625"/>
      <c r="AN32" s="625"/>
      <c r="AO32" s="661"/>
      <c r="AP32" s="662"/>
      <c r="AQ32" s="663"/>
      <c r="AR32" s="663"/>
      <c r="AS32" s="663"/>
      <c r="AT32" s="696"/>
      <c r="AU32" s="214" t="s">
        <v>315</v>
      </c>
      <c r="AX32" s="618" t="s">
        <v>316</v>
      </c>
      <c r="AY32" s="619"/>
      <c r="AZ32" s="619"/>
      <c r="BA32" s="619"/>
      <c r="BB32" s="619"/>
      <c r="BC32" s="619"/>
      <c r="BD32" s="619"/>
      <c r="BE32" s="619"/>
      <c r="BF32" s="620"/>
      <c r="BG32" s="687">
        <v>99.5</v>
      </c>
      <c r="BH32" s="634"/>
      <c r="BI32" s="634"/>
      <c r="BJ32" s="634"/>
      <c r="BK32" s="634"/>
      <c r="BL32" s="634"/>
      <c r="BM32" s="625">
        <v>99.4</v>
      </c>
      <c r="BN32" s="634"/>
      <c r="BO32" s="634"/>
      <c r="BP32" s="634"/>
      <c r="BQ32" s="657"/>
      <c r="BR32" s="687">
        <v>99.7</v>
      </c>
      <c r="BS32" s="634"/>
      <c r="BT32" s="634"/>
      <c r="BU32" s="634"/>
      <c r="BV32" s="634"/>
      <c r="BW32" s="634"/>
      <c r="BX32" s="625">
        <v>99.5</v>
      </c>
      <c r="BY32" s="634"/>
      <c r="BZ32" s="634"/>
      <c r="CA32" s="634"/>
      <c r="CB32" s="657"/>
      <c r="CD32" s="644"/>
      <c r="CE32" s="645"/>
      <c r="CF32" s="618" t="s">
        <v>317</v>
      </c>
      <c r="CG32" s="619"/>
      <c r="CH32" s="619"/>
      <c r="CI32" s="619"/>
      <c r="CJ32" s="619"/>
      <c r="CK32" s="619"/>
      <c r="CL32" s="619"/>
      <c r="CM32" s="619"/>
      <c r="CN32" s="619"/>
      <c r="CO32" s="619"/>
      <c r="CP32" s="619"/>
      <c r="CQ32" s="620"/>
      <c r="CR32" s="621" t="s">
        <v>130</v>
      </c>
      <c r="CS32" s="622"/>
      <c r="CT32" s="622"/>
      <c r="CU32" s="622"/>
      <c r="CV32" s="622"/>
      <c r="CW32" s="622"/>
      <c r="CX32" s="622"/>
      <c r="CY32" s="623"/>
      <c r="CZ32" s="624" t="s">
        <v>130</v>
      </c>
      <c r="DA32" s="636"/>
      <c r="DB32" s="636"/>
      <c r="DC32" s="637"/>
      <c r="DD32" s="627" t="s">
        <v>130</v>
      </c>
      <c r="DE32" s="622"/>
      <c r="DF32" s="622"/>
      <c r="DG32" s="622"/>
      <c r="DH32" s="622"/>
      <c r="DI32" s="622"/>
      <c r="DJ32" s="622"/>
      <c r="DK32" s="623"/>
      <c r="DL32" s="627" t="s">
        <v>130</v>
      </c>
      <c r="DM32" s="622"/>
      <c r="DN32" s="622"/>
      <c r="DO32" s="622"/>
      <c r="DP32" s="622"/>
      <c r="DQ32" s="622"/>
      <c r="DR32" s="622"/>
      <c r="DS32" s="622"/>
      <c r="DT32" s="622"/>
      <c r="DU32" s="622"/>
      <c r="DV32" s="623"/>
      <c r="DW32" s="624" t="s">
        <v>130</v>
      </c>
      <c r="DX32" s="636"/>
      <c r="DY32" s="636"/>
      <c r="DZ32" s="636"/>
      <c r="EA32" s="636"/>
      <c r="EB32" s="636"/>
      <c r="EC32" s="648"/>
    </row>
    <row r="33" spans="2:133" ht="11.25" customHeight="1" x14ac:dyDescent="0.2">
      <c r="B33" s="618" t="s">
        <v>318</v>
      </c>
      <c r="C33" s="619"/>
      <c r="D33" s="619"/>
      <c r="E33" s="619"/>
      <c r="F33" s="619"/>
      <c r="G33" s="619"/>
      <c r="H33" s="619"/>
      <c r="I33" s="619"/>
      <c r="J33" s="619"/>
      <c r="K33" s="619"/>
      <c r="L33" s="619"/>
      <c r="M33" s="619"/>
      <c r="N33" s="619"/>
      <c r="O33" s="619"/>
      <c r="P33" s="619"/>
      <c r="Q33" s="620"/>
      <c r="R33" s="621">
        <v>42402</v>
      </c>
      <c r="S33" s="622"/>
      <c r="T33" s="622"/>
      <c r="U33" s="622"/>
      <c r="V33" s="622"/>
      <c r="W33" s="622"/>
      <c r="X33" s="622"/>
      <c r="Y33" s="623"/>
      <c r="Z33" s="659">
        <v>0.6</v>
      </c>
      <c r="AA33" s="659"/>
      <c r="AB33" s="659"/>
      <c r="AC33" s="659"/>
      <c r="AD33" s="660">
        <v>9931</v>
      </c>
      <c r="AE33" s="660"/>
      <c r="AF33" s="660"/>
      <c r="AG33" s="660"/>
      <c r="AH33" s="660"/>
      <c r="AI33" s="660"/>
      <c r="AJ33" s="660"/>
      <c r="AK33" s="660"/>
      <c r="AL33" s="624">
        <v>0.4</v>
      </c>
      <c r="AM33" s="625"/>
      <c r="AN33" s="625"/>
      <c r="AO33" s="661"/>
      <c r="AP33" s="664"/>
      <c r="AQ33" s="665"/>
      <c r="AR33" s="665"/>
      <c r="AS33" s="665"/>
      <c r="AT33" s="697"/>
      <c r="AU33" s="219"/>
      <c r="AV33" s="219"/>
      <c r="AW33" s="219"/>
      <c r="AX33" s="602" t="s">
        <v>319</v>
      </c>
      <c r="AY33" s="603"/>
      <c r="AZ33" s="603"/>
      <c r="BA33" s="603"/>
      <c r="BB33" s="603"/>
      <c r="BC33" s="603"/>
      <c r="BD33" s="603"/>
      <c r="BE33" s="603"/>
      <c r="BF33" s="604"/>
      <c r="BG33" s="682">
        <v>99.6</v>
      </c>
      <c r="BH33" s="606"/>
      <c r="BI33" s="606"/>
      <c r="BJ33" s="606"/>
      <c r="BK33" s="606"/>
      <c r="BL33" s="606"/>
      <c r="BM33" s="652">
        <v>99.4</v>
      </c>
      <c r="BN33" s="606"/>
      <c r="BO33" s="606"/>
      <c r="BP33" s="606"/>
      <c r="BQ33" s="669"/>
      <c r="BR33" s="682">
        <v>99.9</v>
      </c>
      <c r="BS33" s="606"/>
      <c r="BT33" s="606"/>
      <c r="BU33" s="606"/>
      <c r="BV33" s="606"/>
      <c r="BW33" s="606"/>
      <c r="BX33" s="652">
        <v>99.7</v>
      </c>
      <c r="BY33" s="606"/>
      <c r="BZ33" s="606"/>
      <c r="CA33" s="606"/>
      <c r="CB33" s="669"/>
      <c r="CD33" s="618" t="s">
        <v>320</v>
      </c>
      <c r="CE33" s="619"/>
      <c r="CF33" s="619"/>
      <c r="CG33" s="619"/>
      <c r="CH33" s="619"/>
      <c r="CI33" s="619"/>
      <c r="CJ33" s="619"/>
      <c r="CK33" s="619"/>
      <c r="CL33" s="619"/>
      <c r="CM33" s="619"/>
      <c r="CN33" s="619"/>
      <c r="CO33" s="619"/>
      <c r="CP33" s="619"/>
      <c r="CQ33" s="620"/>
      <c r="CR33" s="621">
        <v>4612693</v>
      </c>
      <c r="CS33" s="634"/>
      <c r="CT33" s="634"/>
      <c r="CU33" s="634"/>
      <c r="CV33" s="634"/>
      <c r="CW33" s="634"/>
      <c r="CX33" s="634"/>
      <c r="CY33" s="635"/>
      <c r="CZ33" s="624">
        <v>62.7</v>
      </c>
      <c r="DA33" s="636"/>
      <c r="DB33" s="636"/>
      <c r="DC33" s="637"/>
      <c r="DD33" s="627">
        <v>2281889</v>
      </c>
      <c r="DE33" s="634"/>
      <c r="DF33" s="634"/>
      <c r="DG33" s="634"/>
      <c r="DH33" s="634"/>
      <c r="DI33" s="634"/>
      <c r="DJ33" s="634"/>
      <c r="DK33" s="635"/>
      <c r="DL33" s="627">
        <v>857951</v>
      </c>
      <c r="DM33" s="634"/>
      <c r="DN33" s="634"/>
      <c r="DO33" s="634"/>
      <c r="DP33" s="634"/>
      <c r="DQ33" s="634"/>
      <c r="DR33" s="634"/>
      <c r="DS33" s="634"/>
      <c r="DT33" s="634"/>
      <c r="DU33" s="634"/>
      <c r="DV33" s="635"/>
      <c r="DW33" s="624">
        <v>29.9</v>
      </c>
      <c r="DX33" s="636"/>
      <c r="DY33" s="636"/>
      <c r="DZ33" s="636"/>
      <c r="EA33" s="636"/>
      <c r="EB33" s="636"/>
      <c r="EC33" s="648"/>
    </row>
    <row r="34" spans="2:133" ht="11.25" customHeight="1" x14ac:dyDescent="0.2">
      <c r="B34" s="618" t="s">
        <v>321</v>
      </c>
      <c r="C34" s="619"/>
      <c r="D34" s="619"/>
      <c r="E34" s="619"/>
      <c r="F34" s="619"/>
      <c r="G34" s="619"/>
      <c r="H34" s="619"/>
      <c r="I34" s="619"/>
      <c r="J34" s="619"/>
      <c r="K34" s="619"/>
      <c r="L34" s="619"/>
      <c r="M34" s="619"/>
      <c r="N34" s="619"/>
      <c r="O34" s="619"/>
      <c r="P34" s="619"/>
      <c r="Q34" s="620"/>
      <c r="R34" s="621">
        <v>59341</v>
      </c>
      <c r="S34" s="622"/>
      <c r="T34" s="622"/>
      <c r="U34" s="622"/>
      <c r="V34" s="622"/>
      <c r="W34" s="622"/>
      <c r="X34" s="622"/>
      <c r="Y34" s="623"/>
      <c r="Z34" s="659">
        <v>0.8</v>
      </c>
      <c r="AA34" s="659"/>
      <c r="AB34" s="659"/>
      <c r="AC34" s="659"/>
      <c r="AD34" s="660" t="s">
        <v>130</v>
      </c>
      <c r="AE34" s="660"/>
      <c r="AF34" s="660"/>
      <c r="AG34" s="660"/>
      <c r="AH34" s="660"/>
      <c r="AI34" s="660"/>
      <c r="AJ34" s="660"/>
      <c r="AK34" s="660"/>
      <c r="AL34" s="624" t="s">
        <v>130</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2</v>
      </c>
      <c r="CE34" s="619"/>
      <c r="CF34" s="619"/>
      <c r="CG34" s="619"/>
      <c r="CH34" s="619"/>
      <c r="CI34" s="619"/>
      <c r="CJ34" s="619"/>
      <c r="CK34" s="619"/>
      <c r="CL34" s="619"/>
      <c r="CM34" s="619"/>
      <c r="CN34" s="619"/>
      <c r="CO34" s="619"/>
      <c r="CP34" s="619"/>
      <c r="CQ34" s="620"/>
      <c r="CR34" s="621">
        <v>1620481</v>
      </c>
      <c r="CS34" s="622"/>
      <c r="CT34" s="622"/>
      <c r="CU34" s="622"/>
      <c r="CV34" s="622"/>
      <c r="CW34" s="622"/>
      <c r="CX34" s="622"/>
      <c r="CY34" s="623"/>
      <c r="CZ34" s="624">
        <v>22</v>
      </c>
      <c r="DA34" s="636"/>
      <c r="DB34" s="636"/>
      <c r="DC34" s="637"/>
      <c r="DD34" s="627">
        <v>416413</v>
      </c>
      <c r="DE34" s="622"/>
      <c r="DF34" s="622"/>
      <c r="DG34" s="622"/>
      <c r="DH34" s="622"/>
      <c r="DI34" s="622"/>
      <c r="DJ34" s="622"/>
      <c r="DK34" s="623"/>
      <c r="DL34" s="627">
        <v>285214</v>
      </c>
      <c r="DM34" s="622"/>
      <c r="DN34" s="622"/>
      <c r="DO34" s="622"/>
      <c r="DP34" s="622"/>
      <c r="DQ34" s="622"/>
      <c r="DR34" s="622"/>
      <c r="DS34" s="622"/>
      <c r="DT34" s="622"/>
      <c r="DU34" s="622"/>
      <c r="DV34" s="623"/>
      <c r="DW34" s="624">
        <v>10</v>
      </c>
      <c r="DX34" s="636"/>
      <c r="DY34" s="636"/>
      <c r="DZ34" s="636"/>
      <c r="EA34" s="636"/>
      <c r="EB34" s="636"/>
      <c r="EC34" s="648"/>
    </row>
    <row r="35" spans="2:133" ht="11.25" customHeight="1" x14ac:dyDescent="0.2">
      <c r="B35" s="618" t="s">
        <v>323</v>
      </c>
      <c r="C35" s="619"/>
      <c r="D35" s="619"/>
      <c r="E35" s="619"/>
      <c r="F35" s="619"/>
      <c r="G35" s="619"/>
      <c r="H35" s="619"/>
      <c r="I35" s="619"/>
      <c r="J35" s="619"/>
      <c r="K35" s="619"/>
      <c r="L35" s="619"/>
      <c r="M35" s="619"/>
      <c r="N35" s="619"/>
      <c r="O35" s="619"/>
      <c r="P35" s="619"/>
      <c r="Q35" s="620"/>
      <c r="R35" s="621">
        <v>124825</v>
      </c>
      <c r="S35" s="622"/>
      <c r="T35" s="622"/>
      <c r="U35" s="622"/>
      <c r="V35" s="622"/>
      <c r="W35" s="622"/>
      <c r="X35" s="622"/>
      <c r="Y35" s="623"/>
      <c r="Z35" s="659">
        <v>1.6</v>
      </c>
      <c r="AA35" s="659"/>
      <c r="AB35" s="659"/>
      <c r="AC35" s="659"/>
      <c r="AD35" s="660" t="s">
        <v>130</v>
      </c>
      <c r="AE35" s="660"/>
      <c r="AF35" s="660"/>
      <c r="AG35" s="660"/>
      <c r="AH35" s="660"/>
      <c r="AI35" s="660"/>
      <c r="AJ35" s="660"/>
      <c r="AK35" s="660"/>
      <c r="AL35" s="624" t="s">
        <v>130</v>
      </c>
      <c r="AM35" s="625"/>
      <c r="AN35" s="625"/>
      <c r="AO35" s="661"/>
      <c r="AP35" s="222"/>
      <c r="AQ35" s="673" t="s">
        <v>324</v>
      </c>
      <c r="AR35" s="674"/>
      <c r="AS35" s="674"/>
      <c r="AT35" s="674"/>
      <c r="AU35" s="674"/>
      <c r="AV35" s="674"/>
      <c r="AW35" s="674"/>
      <c r="AX35" s="674"/>
      <c r="AY35" s="674"/>
      <c r="AZ35" s="674"/>
      <c r="BA35" s="674"/>
      <c r="BB35" s="674"/>
      <c r="BC35" s="674"/>
      <c r="BD35" s="674"/>
      <c r="BE35" s="674"/>
      <c r="BF35" s="675"/>
      <c r="BG35" s="673" t="s">
        <v>325</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6</v>
      </c>
      <c r="CE35" s="619"/>
      <c r="CF35" s="619"/>
      <c r="CG35" s="619"/>
      <c r="CH35" s="619"/>
      <c r="CI35" s="619"/>
      <c r="CJ35" s="619"/>
      <c r="CK35" s="619"/>
      <c r="CL35" s="619"/>
      <c r="CM35" s="619"/>
      <c r="CN35" s="619"/>
      <c r="CO35" s="619"/>
      <c r="CP35" s="619"/>
      <c r="CQ35" s="620"/>
      <c r="CR35" s="621">
        <v>92303</v>
      </c>
      <c r="CS35" s="634"/>
      <c r="CT35" s="634"/>
      <c r="CU35" s="634"/>
      <c r="CV35" s="634"/>
      <c r="CW35" s="634"/>
      <c r="CX35" s="634"/>
      <c r="CY35" s="635"/>
      <c r="CZ35" s="624">
        <v>1.3</v>
      </c>
      <c r="DA35" s="636"/>
      <c r="DB35" s="636"/>
      <c r="DC35" s="637"/>
      <c r="DD35" s="627">
        <v>45644</v>
      </c>
      <c r="DE35" s="634"/>
      <c r="DF35" s="634"/>
      <c r="DG35" s="634"/>
      <c r="DH35" s="634"/>
      <c r="DI35" s="634"/>
      <c r="DJ35" s="634"/>
      <c r="DK35" s="635"/>
      <c r="DL35" s="627">
        <v>45644</v>
      </c>
      <c r="DM35" s="634"/>
      <c r="DN35" s="634"/>
      <c r="DO35" s="634"/>
      <c r="DP35" s="634"/>
      <c r="DQ35" s="634"/>
      <c r="DR35" s="634"/>
      <c r="DS35" s="634"/>
      <c r="DT35" s="634"/>
      <c r="DU35" s="634"/>
      <c r="DV35" s="635"/>
      <c r="DW35" s="624">
        <v>1.6</v>
      </c>
      <c r="DX35" s="636"/>
      <c r="DY35" s="636"/>
      <c r="DZ35" s="636"/>
      <c r="EA35" s="636"/>
      <c r="EB35" s="636"/>
      <c r="EC35" s="648"/>
    </row>
    <row r="36" spans="2:133" ht="11.25" customHeight="1" x14ac:dyDescent="0.2">
      <c r="B36" s="618" t="s">
        <v>327</v>
      </c>
      <c r="C36" s="619"/>
      <c r="D36" s="619"/>
      <c r="E36" s="619"/>
      <c r="F36" s="619"/>
      <c r="G36" s="619"/>
      <c r="H36" s="619"/>
      <c r="I36" s="619"/>
      <c r="J36" s="619"/>
      <c r="K36" s="619"/>
      <c r="L36" s="619"/>
      <c r="M36" s="619"/>
      <c r="N36" s="619"/>
      <c r="O36" s="619"/>
      <c r="P36" s="619"/>
      <c r="Q36" s="620"/>
      <c r="R36" s="621">
        <v>400290</v>
      </c>
      <c r="S36" s="622"/>
      <c r="T36" s="622"/>
      <c r="U36" s="622"/>
      <c r="V36" s="622"/>
      <c r="W36" s="622"/>
      <c r="X36" s="622"/>
      <c r="Y36" s="623"/>
      <c r="Z36" s="659">
        <v>5.2</v>
      </c>
      <c r="AA36" s="659"/>
      <c r="AB36" s="659"/>
      <c r="AC36" s="659"/>
      <c r="AD36" s="660" t="s">
        <v>130</v>
      </c>
      <c r="AE36" s="660"/>
      <c r="AF36" s="660"/>
      <c r="AG36" s="660"/>
      <c r="AH36" s="660"/>
      <c r="AI36" s="660"/>
      <c r="AJ36" s="660"/>
      <c r="AK36" s="660"/>
      <c r="AL36" s="624" t="s">
        <v>130</v>
      </c>
      <c r="AM36" s="625"/>
      <c r="AN36" s="625"/>
      <c r="AO36" s="661"/>
      <c r="AP36" s="222"/>
      <c r="AQ36" s="670" t="s">
        <v>328</v>
      </c>
      <c r="AR36" s="671"/>
      <c r="AS36" s="671"/>
      <c r="AT36" s="671"/>
      <c r="AU36" s="671"/>
      <c r="AV36" s="671"/>
      <c r="AW36" s="671"/>
      <c r="AX36" s="671"/>
      <c r="AY36" s="672"/>
      <c r="AZ36" s="676">
        <v>1059414</v>
      </c>
      <c r="BA36" s="677"/>
      <c r="BB36" s="677"/>
      <c r="BC36" s="677"/>
      <c r="BD36" s="677"/>
      <c r="BE36" s="677"/>
      <c r="BF36" s="678"/>
      <c r="BG36" s="679" t="s">
        <v>329</v>
      </c>
      <c r="BH36" s="680"/>
      <c r="BI36" s="680"/>
      <c r="BJ36" s="680"/>
      <c r="BK36" s="680"/>
      <c r="BL36" s="680"/>
      <c r="BM36" s="680"/>
      <c r="BN36" s="680"/>
      <c r="BO36" s="680"/>
      <c r="BP36" s="680"/>
      <c r="BQ36" s="680"/>
      <c r="BR36" s="680"/>
      <c r="BS36" s="680"/>
      <c r="BT36" s="680"/>
      <c r="BU36" s="681"/>
      <c r="BV36" s="676">
        <v>28786</v>
      </c>
      <c r="BW36" s="677"/>
      <c r="BX36" s="677"/>
      <c r="BY36" s="677"/>
      <c r="BZ36" s="677"/>
      <c r="CA36" s="677"/>
      <c r="CB36" s="678"/>
      <c r="CD36" s="618" t="s">
        <v>330</v>
      </c>
      <c r="CE36" s="619"/>
      <c r="CF36" s="619"/>
      <c r="CG36" s="619"/>
      <c r="CH36" s="619"/>
      <c r="CI36" s="619"/>
      <c r="CJ36" s="619"/>
      <c r="CK36" s="619"/>
      <c r="CL36" s="619"/>
      <c r="CM36" s="619"/>
      <c r="CN36" s="619"/>
      <c r="CO36" s="619"/>
      <c r="CP36" s="619"/>
      <c r="CQ36" s="620"/>
      <c r="CR36" s="621">
        <v>1104995</v>
      </c>
      <c r="CS36" s="622"/>
      <c r="CT36" s="622"/>
      <c r="CU36" s="622"/>
      <c r="CV36" s="622"/>
      <c r="CW36" s="622"/>
      <c r="CX36" s="622"/>
      <c r="CY36" s="623"/>
      <c r="CZ36" s="624">
        <v>15</v>
      </c>
      <c r="DA36" s="636"/>
      <c r="DB36" s="636"/>
      <c r="DC36" s="637"/>
      <c r="DD36" s="627">
        <v>292110</v>
      </c>
      <c r="DE36" s="622"/>
      <c r="DF36" s="622"/>
      <c r="DG36" s="622"/>
      <c r="DH36" s="622"/>
      <c r="DI36" s="622"/>
      <c r="DJ36" s="622"/>
      <c r="DK36" s="623"/>
      <c r="DL36" s="627">
        <v>157455</v>
      </c>
      <c r="DM36" s="622"/>
      <c r="DN36" s="622"/>
      <c r="DO36" s="622"/>
      <c r="DP36" s="622"/>
      <c r="DQ36" s="622"/>
      <c r="DR36" s="622"/>
      <c r="DS36" s="622"/>
      <c r="DT36" s="622"/>
      <c r="DU36" s="622"/>
      <c r="DV36" s="623"/>
      <c r="DW36" s="624">
        <v>5.5</v>
      </c>
      <c r="DX36" s="636"/>
      <c r="DY36" s="636"/>
      <c r="DZ36" s="636"/>
      <c r="EA36" s="636"/>
      <c r="EB36" s="636"/>
      <c r="EC36" s="648"/>
    </row>
    <row r="37" spans="2:133" ht="11.25" customHeight="1" x14ac:dyDescent="0.2">
      <c r="B37" s="618" t="s">
        <v>331</v>
      </c>
      <c r="C37" s="619"/>
      <c r="D37" s="619"/>
      <c r="E37" s="619"/>
      <c r="F37" s="619"/>
      <c r="G37" s="619"/>
      <c r="H37" s="619"/>
      <c r="I37" s="619"/>
      <c r="J37" s="619"/>
      <c r="K37" s="619"/>
      <c r="L37" s="619"/>
      <c r="M37" s="619"/>
      <c r="N37" s="619"/>
      <c r="O37" s="619"/>
      <c r="P37" s="619"/>
      <c r="Q37" s="620"/>
      <c r="R37" s="621">
        <v>255500</v>
      </c>
      <c r="S37" s="622"/>
      <c r="T37" s="622"/>
      <c r="U37" s="622"/>
      <c r="V37" s="622"/>
      <c r="W37" s="622"/>
      <c r="X37" s="622"/>
      <c r="Y37" s="623"/>
      <c r="Z37" s="659">
        <v>3.3</v>
      </c>
      <c r="AA37" s="659"/>
      <c r="AB37" s="659"/>
      <c r="AC37" s="659"/>
      <c r="AD37" s="660">
        <v>137</v>
      </c>
      <c r="AE37" s="660"/>
      <c r="AF37" s="660"/>
      <c r="AG37" s="660"/>
      <c r="AH37" s="660"/>
      <c r="AI37" s="660"/>
      <c r="AJ37" s="660"/>
      <c r="AK37" s="660"/>
      <c r="AL37" s="624">
        <v>0</v>
      </c>
      <c r="AM37" s="625"/>
      <c r="AN37" s="625"/>
      <c r="AO37" s="661"/>
      <c r="AQ37" s="654" t="s">
        <v>332</v>
      </c>
      <c r="AR37" s="655"/>
      <c r="AS37" s="655"/>
      <c r="AT37" s="655"/>
      <c r="AU37" s="655"/>
      <c r="AV37" s="655"/>
      <c r="AW37" s="655"/>
      <c r="AX37" s="655"/>
      <c r="AY37" s="656"/>
      <c r="AZ37" s="621">
        <v>561494</v>
      </c>
      <c r="BA37" s="622"/>
      <c r="BB37" s="622"/>
      <c r="BC37" s="622"/>
      <c r="BD37" s="634"/>
      <c r="BE37" s="634"/>
      <c r="BF37" s="657"/>
      <c r="BG37" s="618" t="s">
        <v>333</v>
      </c>
      <c r="BH37" s="619"/>
      <c r="BI37" s="619"/>
      <c r="BJ37" s="619"/>
      <c r="BK37" s="619"/>
      <c r="BL37" s="619"/>
      <c r="BM37" s="619"/>
      <c r="BN37" s="619"/>
      <c r="BO37" s="619"/>
      <c r="BP37" s="619"/>
      <c r="BQ37" s="619"/>
      <c r="BR37" s="619"/>
      <c r="BS37" s="619"/>
      <c r="BT37" s="619"/>
      <c r="BU37" s="620"/>
      <c r="BV37" s="621">
        <v>-10705</v>
      </c>
      <c r="BW37" s="622"/>
      <c r="BX37" s="622"/>
      <c r="BY37" s="622"/>
      <c r="BZ37" s="622"/>
      <c r="CA37" s="622"/>
      <c r="CB37" s="658"/>
      <c r="CD37" s="618" t="s">
        <v>334</v>
      </c>
      <c r="CE37" s="619"/>
      <c r="CF37" s="619"/>
      <c r="CG37" s="619"/>
      <c r="CH37" s="619"/>
      <c r="CI37" s="619"/>
      <c r="CJ37" s="619"/>
      <c r="CK37" s="619"/>
      <c r="CL37" s="619"/>
      <c r="CM37" s="619"/>
      <c r="CN37" s="619"/>
      <c r="CO37" s="619"/>
      <c r="CP37" s="619"/>
      <c r="CQ37" s="620"/>
      <c r="CR37" s="621">
        <v>134430</v>
      </c>
      <c r="CS37" s="634"/>
      <c r="CT37" s="634"/>
      <c r="CU37" s="634"/>
      <c r="CV37" s="634"/>
      <c r="CW37" s="634"/>
      <c r="CX37" s="634"/>
      <c r="CY37" s="635"/>
      <c r="CZ37" s="624">
        <v>1.8</v>
      </c>
      <c r="DA37" s="636"/>
      <c r="DB37" s="636"/>
      <c r="DC37" s="637"/>
      <c r="DD37" s="627">
        <v>8879</v>
      </c>
      <c r="DE37" s="634"/>
      <c r="DF37" s="634"/>
      <c r="DG37" s="634"/>
      <c r="DH37" s="634"/>
      <c r="DI37" s="634"/>
      <c r="DJ37" s="634"/>
      <c r="DK37" s="635"/>
      <c r="DL37" s="627">
        <v>6413</v>
      </c>
      <c r="DM37" s="634"/>
      <c r="DN37" s="634"/>
      <c r="DO37" s="634"/>
      <c r="DP37" s="634"/>
      <c r="DQ37" s="634"/>
      <c r="DR37" s="634"/>
      <c r="DS37" s="634"/>
      <c r="DT37" s="634"/>
      <c r="DU37" s="634"/>
      <c r="DV37" s="635"/>
      <c r="DW37" s="624">
        <v>0.2</v>
      </c>
      <c r="DX37" s="636"/>
      <c r="DY37" s="636"/>
      <c r="DZ37" s="636"/>
      <c r="EA37" s="636"/>
      <c r="EB37" s="636"/>
      <c r="EC37" s="648"/>
    </row>
    <row r="38" spans="2:133" ht="11.25" customHeight="1" x14ac:dyDescent="0.2">
      <c r="B38" s="618" t="s">
        <v>335</v>
      </c>
      <c r="C38" s="619"/>
      <c r="D38" s="619"/>
      <c r="E38" s="619"/>
      <c r="F38" s="619"/>
      <c r="G38" s="619"/>
      <c r="H38" s="619"/>
      <c r="I38" s="619"/>
      <c r="J38" s="619"/>
      <c r="K38" s="619"/>
      <c r="L38" s="619"/>
      <c r="M38" s="619"/>
      <c r="N38" s="619"/>
      <c r="O38" s="619"/>
      <c r="P38" s="619"/>
      <c r="Q38" s="620"/>
      <c r="R38" s="621">
        <v>28791</v>
      </c>
      <c r="S38" s="622"/>
      <c r="T38" s="622"/>
      <c r="U38" s="622"/>
      <c r="V38" s="622"/>
      <c r="W38" s="622"/>
      <c r="X38" s="622"/>
      <c r="Y38" s="623"/>
      <c r="Z38" s="659">
        <v>0.4</v>
      </c>
      <c r="AA38" s="659"/>
      <c r="AB38" s="659"/>
      <c r="AC38" s="659"/>
      <c r="AD38" s="660" t="s">
        <v>130</v>
      </c>
      <c r="AE38" s="660"/>
      <c r="AF38" s="660"/>
      <c r="AG38" s="660"/>
      <c r="AH38" s="660"/>
      <c r="AI38" s="660"/>
      <c r="AJ38" s="660"/>
      <c r="AK38" s="660"/>
      <c r="AL38" s="624" t="s">
        <v>130</v>
      </c>
      <c r="AM38" s="625"/>
      <c r="AN38" s="625"/>
      <c r="AO38" s="661"/>
      <c r="AQ38" s="654" t="s">
        <v>336</v>
      </c>
      <c r="AR38" s="655"/>
      <c r="AS38" s="655"/>
      <c r="AT38" s="655"/>
      <c r="AU38" s="655"/>
      <c r="AV38" s="655"/>
      <c r="AW38" s="655"/>
      <c r="AX38" s="655"/>
      <c r="AY38" s="656"/>
      <c r="AZ38" s="621">
        <v>157000</v>
      </c>
      <c r="BA38" s="622"/>
      <c r="BB38" s="622"/>
      <c r="BC38" s="622"/>
      <c r="BD38" s="634"/>
      <c r="BE38" s="634"/>
      <c r="BF38" s="657"/>
      <c r="BG38" s="618" t="s">
        <v>337</v>
      </c>
      <c r="BH38" s="619"/>
      <c r="BI38" s="619"/>
      <c r="BJ38" s="619"/>
      <c r="BK38" s="619"/>
      <c r="BL38" s="619"/>
      <c r="BM38" s="619"/>
      <c r="BN38" s="619"/>
      <c r="BO38" s="619"/>
      <c r="BP38" s="619"/>
      <c r="BQ38" s="619"/>
      <c r="BR38" s="619"/>
      <c r="BS38" s="619"/>
      <c r="BT38" s="619"/>
      <c r="BU38" s="620"/>
      <c r="BV38" s="621">
        <v>818</v>
      </c>
      <c r="BW38" s="622"/>
      <c r="BX38" s="622"/>
      <c r="BY38" s="622"/>
      <c r="BZ38" s="622"/>
      <c r="CA38" s="622"/>
      <c r="CB38" s="658"/>
      <c r="CD38" s="618" t="s">
        <v>338</v>
      </c>
      <c r="CE38" s="619"/>
      <c r="CF38" s="619"/>
      <c r="CG38" s="619"/>
      <c r="CH38" s="619"/>
      <c r="CI38" s="619"/>
      <c r="CJ38" s="619"/>
      <c r="CK38" s="619"/>
      <c r="CL38" s="619"/>
      <c r="CM38" s="619"/>
      <c r="CN38" s="619"/>
      <c r="CO38" s="619"/>
      <c r="CP38" s="619"/>
      <c r="CQ38" s="620"/>
      <c r="CR38" s="621">
        <v>902414</v>
      </c>
      <c r="CS38" s="622"/>
      <c r="CT38" s="622"/>
      <c r="CU38" s="622"/>
      <c r="CV38" s="622"/>
      <c r="CW38" s="622"/>
      <c r="CX38" s="622"/>
      <c r="CY38" s="623"/>
      <c r="CZ38" s="624">
        <v>12.3</v>
      </c>
      <c r="DA38" s="636"/>
      <c r="DB38" s="636"/>
      <c r="DC38" s="637"/>
      <c r="DD38" s="627">
        <v>755476</v>
      </c>
      <c r="DE38" s="622"/>
      <c r="DF38" s="622"/>
      <c r="DG38" s="622"/>
      <c r="DH38" s="622"/>
      <c r="DI38" s="622"/>
      <c r="DJ38" s="622"/>
      <c r="DK38" s="623"/>
      <c r="DL38" s="627">
        <v>369638</v>
      </c>
      <c r="DM38" s="622"/>
      <c r="DN38" s="622"/>
      <c r="DO38" s="622"/>
      <c r="DP38" s="622"/>
      <c r="DQ38" s="622"/>
      <c r="DR38" s="622"/>
      <c r="DS38" s="622"/>
      <c r="DT38" s="622"/>
      <c r="DU38" s="622"/>
      <c r="DV38" s="623"/>
      <c r="DW38" s="624">
        <v>12.9</v>
      </c>
      <c r="DX38" s="636"/>
      <c r="DY38" s="636"/>
      <c r="DZ38" s="636"/>
      <c r="EA38" s="636"/>
      <c r="EB38" s="636"/>
      <c r="EC38" s="648"/>
    </row>
    <row r="39" spans="2:133" ht="11.25" customHeight="1" x14ac:dyDescent="0.2">
      <c r="B39" s="618" t="s">
        <v>339</v>
      </c>
      <c r="C39" s="619"/>
      <c r="D39" s="619"/>
      <c r="E39" s="619"/>
      <c r="F39" s="619"/>
      <c r="G39" s="619"/>
      <c r="H39" s="619"/>
      <c r="I39" s="619"/>
      <c r="J39" s="619"/>
      <c r="K39" s="619"/>
      <c r="L39" s="619"/>
      <c r="M39" s="619"/>
      <c r="N39" s="619"/>
      <c r="O39" s="619"/>
      <c r="P39" s="619"/>
      <c r="Q39" s="620"/>
      <c r="R39" s="621" t="s">
        <v>130</v>
      </c>
      <c r="S39" s="622"/>
      <c r="T39" s="622"/>
      <c r="U39" s="622"/>
      <c r="V39" s="622"/>
      <c r="W39" s="622"/>
      <c r="X39" s="622"/>
      <c r="Y39" s="623"/>
      <c r="Z39" s="659" t="s">
        <v>130</v>
      </c>
      <c r="AA39" s="659"/>
      <c r="AB39" s="659"/>
      <c r="AC39" s="659"/>
      <c r="AD39" s="660" t="s">
        <v>130</v>
      </c>
      <c r="AE39" s="660"/>
      <c r="AF39" s="660"/>
      <c r="AG39" s="660"/>
      <c r="AH39" s="660"/>
      <c r="AI39" s="660"/>
      <c r="AJ39" s="660"/>
      <c r="AK39" s="660"/>
      <c r="AL39" s="624" t="s">
        <v>247</v>
      </c>
      <c r="AM39" s="625"/>
      <c r="AN39" s="625"/>
      <c r="AO39" s="661"/>
      <c r="AQ39" s="654" t="s">
        <v>340</v>
      </c>
      <c r="AR39" s="655"/>
      <c r="AS39" s="655"/>
      <c r="AT39" s="655"/>
      <c r="AU39" s="655"/>
      <c r="AV39" s="655"/>
      <c r="AW39" s="655"/>
      <c r="AX39" s="655"/>
      <c r="AY39" s="656"/>
      <c r="AZ39" s="621">
        <v>3886</v>
      </c>
      <c r="BA39" s="622"/>
      <c r="BB39" s="622"/>
      <c r="BC39" s="622"/>
      <c r="BD39" s="634"/>
      <c r="BE39" s="634"/>
      <c r="BF39" s="657"/>
      <c r="BG39" s="618" t="s">
        <v>341</v>
      </c>
      <c r="BH39" s="619"/>
      <c r="BI39" s="619"/>
      <c r="BJ39" s="619"/>
      <c r="BK39" s="619"/>
      <c r="BL39" s="619"/>
      <c r="BM39" s="619"/>
      <c r="BN39" s="619"/>
      <c r="BO39" s="619"/>
      <c r="BP39" s="619"/>
      <c r="BQ39" s="619"/>
      <c r="BR39" s="619"/>
      <c r="BS39" s="619"/>
      <c r="BT39" s="619"/>
      <c r="BU39" s="620"/>
      <c r="BV39" s="621">
        <v>1189</v>
      </c>
      <c r="BW39" s="622"/>
      <c r="BX39" s="622"/>
      <c r="BY39" s="622"/>
      <c r="BZ39" s="622"/>
      <c r="CA39" s="622"/>
      <c r="CB39" s="658"/>
      <c r="CD39" s="618" t="s">
        <v>342</v>
      </c>
      <c r="CE39" s="619"/>
      <c r="CF39" s="619"/>
      <c r="CG39" s="619"/>
      <c r="CH39" s="619"/>
      <c r="CI39" s="619"/>
      <c r="CJ39" s="619"/>
      <c r="CK39" s="619"/>
      <c r="CL39" s="619"/>
      <c r="CM39" s="619"/>
      <c r="CN39" s="619"/>
      <c r="CO39" s="619"/>
      <c r="CP39" s="619"/>
      <c r="CQ39" s="620"/>
      <c r="CR39" s="621">
        <v>815500</v>
      </c>
      <c r="CS39" s="634"/>
      <c r="CT39" s="634"/>
      <c r="CU39" s="634"/>
      <c r="CV39" s="634"/>
      <c r="CW39" s="634"/>
      <c r="CX39" s="634"/>
      <c r="CY39" s="635"/>
      <c r="CZ39" s="624">
        <v>11.1</v>
      </c>
      <c r="DA39" s="636"/>
      <c r="DB39" s="636"/>
      <c r="DC39" s="637"/>
      <c r="DD39" s="627">
        <v>695246</v>
      </c>
      <c r="DE39" s="634"/>
      <c r="DF39" s="634"/>
      <c r="DG39" s="634"/>
      <c r="DH39" s="634"/>
      <c r="DI39" s="634"/>
      <c r="DJ39" s="634"/>
      <c r="DK39" s="635"/>
      <c r="DL39" s="627" t="s">
        <v>130</v>
      </c>
      <c r="DM39" s="634"/>
      <c r="DN39" s="634"/>
      <c r="DO39" s="634"/>
      <c r="DP39" s="634"/>
      <c r="DQ39" s="634"/>
      <c r="DR39" s="634"/>
      <c r="DS39" s="634"/>
      <c r="DT39" s="634"/>
      <c r="DU39" s="634"/>
      <c r="DV39" s="635"/>
      <c r="DW39" s="624" t="s">
        <v>130</v>
      </c>
      <c r="DX39" s="636"/>
      <c r="DY39" s="636"/>
      <c r="DZ39" s="636"/>
      <c r="EA39" s="636"/>
      <c r="EB39" s="636"/>
      <c r="EC39" s="648"/>
    </row>
    <row r="40" spans="2:133" ht="11.25" customHeight="1" x14ac:dyDescent="0.2">
      <c r="B40" s="618" t="s">
        <v>343</v>
      </c>
      <c r="C40" s="619"/>
      <c r="D40" s="619"/>
      <c r="E40" s="619"/>
      <c r="F40" s="619"/>
      <c r="G40" s="619"/>
      <c r="H40" s="619"/>
      <c r="I40" s="619"/>
      <c r="J40" s="619"/>
      <c r="K40" s="619"/>
      <c r="L40" s="619"/>
      <c r="M40" s="619"/>
      <c r="N40" s="619"/>
      <c r="O40" s="619"/>
      <c r="P40" s="619"/>
      <c r="Q40" s="620"/>
      <c r="R40" s="621">
        <v>28791</v>
      </c>
      <c r="S40" s="622"/>
      <c r="T40" s="622"/>
      <c r="U40" s="622"/>
      <c r="V40" s="622"/>
      <c r="W40" s="622"/>
      <c r="X40" s="622"/>
      <c r="Y40" s="623"/>
      <c r="Z40" s="659">
        <v>0.4</v>
      </c>
      <c r="AA40" s="659"/>
      <c r="AB40" s="659"/>
      <c r="AC40" s="659"/>
      <c r="AD40" s="660" t="s">
        <v>130</v>
      </c>
      <c r="AE40" s="660"/>
      <c r="AF40" s="660"/>
      <c r="AG40" s="660"/>
      <c r="AH40" s="660"/>
      <c r="AI40" s="660"/>
      <c r="AJ40" s="660"/>
      <c r="AK40" s="660"/>
      <c r="AL40" s="624" t="s">
        <v>130</v>
      </c>
      <c r="AM40" s="625"/>
      <c r="AN40" s="625"/>
      <c r="AO40" s="661"/>
      <c r="AQ40" s="654" t="s">
        <v>344</v>
      </c>
      <c r="AR40" s="655"/>
      <c r="AS40" s="655"/>
      <c r="AT40" s="655"/>
      <c r="AU40" s="655"/>
      <c r="AV40" s="655"/>
      <c r="AW40" s="655"/>
      <c r="AX40" s="655"/>
      <c r="AY40" s="656"/>
      <c r="AZ40" s="621" t="s">
        <v>130</v>
      </c>
      <c r="BA40" s="622"/>
      <c r="BB40" s="622"/>
      <c r="BC40" s="622"/>
      <c r="BD40" s="634"/>
      <c r="BE40" s="634"/>
      <c r="BF40" s="657"/>
      <c r="BG40" s="662" t="s">
        <v>345</v>
      </c>
      <c r="BH40" s="663"/>
      <c r="BI40" s="663"/>
      <c r="BJ40" s="663"/>
      <c r="BK40" s="663"/>
      <c r="BL40" s="223"/>
      <c r="BM40" s="619" t="s">
        <v>346</v>
      </c>
      <c r="BN40" s="619"/>
      <c r="BO40" s="619"/>
      <c r="BP40" s="619"/>
      <c r="BQ40" s="619"/>
      <c r="BR40" s="619"/>
      <c r="BS40" s="619"/>
      <c r="BT40" s="619"/>
      <c r="BU40" s="620"/>
      <c r="BV40" s="621">
        <v>82</v>
      </c>
      <c r="BW40" s="622"/>
      <c r="BX40" s="622"/>
      <c r="BY40" s="622"/>
      <c r="BZ40" s="622"/>
      <c r="CA40" s="622"/>
      <c r="CB40" s="658"/>
      <c r="CD40" s="618" t="s">
        <v>347</v>
      </c>
      <c r="CE40" s="619"/>
      <c r="CF40" s="619"/>
      <c r="CG40" s="619"/>
      <c r="CH40" s="619"/>
      <c r="CI40" s="619"/>
      <c r="CJ40" s="619"/>
      <c r="CK40" s="619"/>
      <c r="CL40" s="619"/>
      <c r="CM40" s="619"/>
      <c r="CN40" s="619"/>
      <c r="CO40" s="619"/>
      <c r="CP40" s="619"/>
      <c r="CQ40" s="620"/>
      <c r="CR40" s="621">
        <v>77000</v>
      </c>
      <c r="CS40" s="622"/>
      <c r="CT40" s="622"/>
      <c r="CU40" s="622"/>
      <c r="CV40" s="622"/>
      <c r="CW40" s="622"/>
      <c r="CX40" s="622"/>
      <c r="CY40" s="623"/>
      <c r="CZ40" s="624">
        <v>1</v>
      </c>
      <c r="DA40" s="636"/>
      <c r="DB40" s="636"/>
      <c r="DC40" s="637"/>
      <c r="DD40" s="627">
        <v>77000</v>
      </c>
      <c r="DE40" s="622"/>
      <c r="DF40" s="622"/>
      <c r="DG40" s="622"/>
      <c r="DH40" s="622"/>
      <c r="DI40" s="622"/>
      <c r="DJ40" s="622"/>
      <c r="DK40" s="623"/>
      <c r="DL40" s="627" t="s">
        <v>130</v>
      </c>
      <c r="DM40" s="622"/>
      <c r="DN40" s="622"/>
      <c r="DO40" s="622"/>
      <c r="DP40" s="622"/>
      <c r="DQ40" s="622"/>
      <c r="DR40" s="622"/>
      <c r="DS40" s="622"/>
      <c r="DT40" s="622"/>
      <c r="DU40" s="622"/>
      <c r="DV40" s="623"/>
      <c r="DW40" s="624" t="s">
        <v>247</v>
      </c>
      <c r="DX40" s="636"/>
      <c r="DY40" s="636"/>
      <c r="DZ40" s="636"/>
      <c r="EA40" s="636"/>
      <c r="EB40" s="636"/>
      <c r="EC40" s="648"/>
    </row>
    <row r="41" spans="2:133" ht="11.25" customHeight="1" x14ac:dyDescent="0.2">
      <c r="B41" s="602" t="s">
        <v>348</v>
      </c>
      <c r="C41" s="603"/>
      <c r="D41" s="603"/>
      <c r="E41" s="603"/>
      <c r="F41" s="603"/>
      <c r="G41" s="603"/>
      <c r="H41" s="603"/>
      <c r="I41" s="603"/>
      <c r="J41" s="603"/>
      <c r="K41" s="603"/>
      <c r="L41" s="603"/>
      <c r="M41" s="603"/>
      <c r="N41" s="603"/>
      <c r="O41" s="603"/>
      <c r="P41" s="603"/>
      <c r="Q41" s="604"/>
      <c r="R41" s="605">
        <v>7652031</v>
      </c>
      <c r="S41" s="646"/>
      <c r="T41" s="646"/>
      <c r="U41" s="646"/>
      <c r="V41" s="646"/>
      <c r="W41" s="646"/>
      <c r="X41" s="646"/>
      <c r="Y41" s="649"/>
      <c r="Z41" s="650">
        <v>100</v>
      </c>
      <c r="AA41" s="650"/>
      <c r="AB41" s="650"/>
      <c r="AC41" s="650"/>
      <c r="AD41" s="651">
        <v>2836098</v>
      </c>
      <c r="AE41" s="651"/>
      <c r="AF41" s="651"/>
      <c r="AG41" s="651"/>
      <c r="AH41" s="651"/>
      <c r="AI41" s="651"/>
      <c r="AJ41" s="651"/>
      <c r="AK41" s="651"/>
      <c r="AL41" s="608">
        <v>100</v>
      </c>
      <c r="AM41" s="652"/>
      <c r="AN41" s="652"/>
      <c r="AO41" s="653"/>
      <c r="AQ41" s="654" t="s">
        <v>349</v>
      </c>
      <c r="AR41" s="655"/>
      <c r="AS41" s="655"/>
      <c r="AT41" s="655"/>
      <c r="AU41" s="655"/>
      <c r="AV41" s="655"/>
      <c r="AW41" s="655"/>
      <c r="AX41" s="655"/>
      <c r="AY41" s="656"/>
      <c r="AZ41" s="621">
        <v>81185</v>
      </c>
      <c r="BA41" s="622"/>
      <c r="BB41" s="622"/>
      <c r="BC41" s="622"/>
      <c r="BD41" s="634"/>
      <c r="BE41" s="634"/>
      <c r="BF41" s="657"/>
      <c r="BG41" s="662"/>
      <c r="BH41" s="663"/>
      <c r="BI41" s="663"/>
      <c r="BJ41" s="663"/>
      <c r="BK41" s="663"/>
      <c r="BL41" s="223"/>
      <c r="BM41" s="619" t="s">
        <v>350</v>
      </c>
      <c r="BN41" s="619"/>
      <c r="BO41" s="619"/>
      <c r="BP41" s="619"/>
      <c r="BQ41" s="619"/>
      <c r="BR41" s="619"/>
      <c r="BS41" s="619"/>
      <c r="BT41" s="619"/>
      <c r="BU41" s="620"/>
      <c r="BV41" s="621" t="s">
        <v>130</v>
      </c>
      <c r="BW41" s="622"/>
      <c r="BX41" s="622"/>
      <c r="BY41" s="622"/>
      <c r="BZ41" s="622"/>
      <c r="CA41" s="622"/>
      <c r="CB41" s="658"/>
      <c r="CD41" s="618" t="s">
        <v>351</v>
      </c>
      <c r="CE41" s="619"/>
      <c r="CF41" s="619"/>
      <c r="CG41" s="619"/>
      <c r="CH41" s="619"/>
      <c r="CI41" s="619"/>
      <c r="CJ41" s="619"/>
      <c r="CK41" s="619"/>
      <c r="CL41" s="619"/>
      <c r="CM41" s="619"/>
      <c r="CN41" s="619"/>
      <c r="CO41" s="619"/>
      <c r="CP41" s="619"/>
      <c r="CQ41" s="620"/>
      <c r="CR41" s="621" t="s">
        <v>130</v>
      </c>
      <c r="CS41" s="634"/>
      <c r="CT41" s="634"/>
      <c r="CU41" s="634"/>
      <c r="CV41" s="634"/>
      <c r="CW41" s="634"/>
      <c r="CX41" s="634"/>
      <c r="CY41" s="635"/>
      <c r="CZ41" s="624" t="s">
        <v>130</v>
      </c>
      <c r="DA41" s="636"/>
      <c r="DB41" s="636"/>
      <c r="DC41" s="637"/>
      <c r="DD41" s="627" t="s">
        <v>130</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2</v>
      </c>
      <c r="AR42" s="667"/>
      <c r="AS42" s="667"/>
      <c r="AT42" s="667"/>
      <c r="AU42" s="667"/>
      <c r="AV42" s="667"/>
      <c r="AW42" s="667"/>
      <c r="AX42" s="667"/>
      <c r="AY42" s="668"/>
      <c r="AZ42" s="605">
        <v>255849</v>
      </c>
      <c r="BA42" s="646"/>
      <c r="BB42" s="646"/>
      <c r="BC42" s="646"/>
      <c r="BD42" s="606"/>
      <c r="BE42" s="606"/>
      <c r="BF42" s="669"/>
      <c r="BG42" s="664"/>
      <c r="BH42" s="665"/>
      <c r="BI42" s="665"/>
      <c r="BJ42" s="665"/>
      <c r="BK42" s="665"/>
      <c r="BL42" s="224"/>
      <c r="BM42" s="603" t="s">
        <v>353</v>
      </c>
      <c r="BN42" s="603"/>
      <c r="BO42" s="603"/>
      <c r="BP42" s="603"/>
      <c r="BQ42" s="603"/>
      <c r="BR42" s="603"/>
      <c r="BS42" s="603"/>
      <c r="BT42" s="603"/>
      <c r="BU42" s="604"/>
      <c r="BV42" s="605">
        <v>417</v>
      </c>
      <c r="BW42" s="646"/>
      <c r="BX42" s="646"/>
      <c r="BY42" s="646"/>
      <c r="BZ42" s="646"/>
      <c r="CA42" s="646"/>
      <c r="CB42" s="647"/>
      <c r="CD42" s="618" t="s">
        <v>354</v>
      </c>
      <c r="CE42" s="619"/>
      <c r="CF42" s="619"/>
      <c r="CG42" s="619"/>
      <c r="CH42" s="619"/>
      <c r="CI42" s="619"/>
      <c r="CJ42" s="619"/>
      <c r="CK42" s="619"/>
      <c r="CL42" s="619"/>
      <c r="CM42" s="619"/>
      <c r="CN42" s="619"/>
      <c r="CO42" s="619"/>
      <c r="CP42" s="619"/>
      <c r="CQ42" s="620"/>
      <c r="CR42" s="621">
        <v>985858</v>
      </c>
      <c r="CS42" s="634"/>
      <c r="CT42" s="634"/>
      <c r="CU42" s="634"/>
      <c r="CV42" s="634"/>
      <c r="CW42" s="634"/>
      <c r="CX42" s="634"/>
      <c r="CY42" s="635"/>
      <c r="CZ42" s="624">
        <v>13.4</v>
      </c>
      <c r="DA42" s="636"/>
      <c r="DB42" s="636"/>
      <c r="DC42" s="637"/>
      <c r="DD42" s="627">
        <v>302108</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5</v>
      </c>
      <c r="CD43" s="618" t="s">
        <v>356</v>
      </c>
      <c r="CE43" s="619"/>
      <c r="CF43" s="619"/>
      <c r="CG43" s="619"/>
      <c r="CH43" s="619"/>
      <c r="CI43" s="619"/>
      <c r="CJ43" s="619"/>
      <c r="CK43" s="619"/>
      <c r="CL43" s="619"/>
      <c r="CM43" s="619"/>
      <c r="CN43" s="619"/>
      <c r="CO43" s="619"/>
      <c r="CP43" s="619"/>
      <c r="CQ43" s="620"/>
      <c r="CR43" s="621">
        <v>37919</v>
      </c>
      <c r="CS43" s="634"/>
      <c r="CT43" s="634"/>
      <c r="CU43" s="634"/>
      <c r="CV43" s="634"/>
      <c r="CW43" s="634"/>
      <c r="CX43" s="634"/>
      <c r="CY43" s="635"/>
      <c r="CZ43" s="624">
        <v>0.5</v>
      </c>
      <c r="DA43" s="636"/>
      <c r="DB43" s="636"/>
      <c r="DC43" s="637"/>
      <c r="DD43" s="627">
        <v>32504</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57</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5</v>
      </c>
      <c r="CE44" s="641"/>
      <c r="CF44" s="618" t="s">
        <v>358</v>
      </c>
      <c r="CG44" s="619"/>
      <c r="CH44" s="619"/>
      <c r="CI44" s="619"/>
      <c r="CJ44" s="619"/>
      <c r="CK44" s="619"/>
      <c r="CL44" s="619"/>
      <c r="CM44" s="619"/>
      <c r="CN44" s="619"/>
      <c r="CO44" s="619"/>
      <c r="CP44" s="619"/>
      <c r="CQ44" s="620"/>
      <c r="CR44" s="621">
        <v>849549</v>
      </c>
      <c r="CS44" s="622"/>
      <c r="CT44" s="622"/>
      <c r="CU44" s="622"/>
      <c r="CV44" s="622"/>
      <c r="CW44" s="622"/>
      <c r="CX44" s="622"/>
      <c r="CY44" s="623"/>
      <c r="CZ44" s="624">
        <v>11.5</v>
      </c>
      <c r="DA44" s="625"/>
      <c r="DB44" s="625"/>
      <c r="DC44" s="626"/>
      <c r="DD44" s="627">
        <v>295799</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59</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0</v>
      </c>
      <c r="CG45" s="619"/>
      <c r="CH45" s="619"/>
      <c r="CI45" s="619"/>
      <c r="CJ45" s="619"/>
      <c r="CK45" s="619"/>
      <c r="CL45" s="619"/>
      <c r="CM45" s="619"/>
      <c r="CN45" s="619"/>
      <c r="CO45" s="619"/>
      <c r="CP45" s="619"/>
      <c r="CQ45" s="620"/>
      <c r="CR45" s="621">
        <v>104984</v>
      </c>
      <c r="CS45" s="634"/>
      <c r="CT45" s="634"/>
      <c r="CU45" s="634"/>
      <c r="CV45" s="634"/>
      <c r="CW45" s="634"/>
      <c r="CX45" s="634"/>
      <c r="CY45" s="635"/>
      <c r="CZ45" s="624">
        <v>1.4</v>
      </c>
      <c r="DA45" s="636"/>
      <c r="DB45" s="636"/>
      <c r="DC45" s="637"/>
      <c r="DD45" s="627">
        <v>7412</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1</v>
      </c>
      <c r="CG46" s="619"/>
      <c r="CH46" s="619"/>
      <c r="CI46" s="619"/>
      <c r="CJ46" s="619"/>
      <c r="CK46" s="619"/>
      <c r="CL46" s="619"/>
      <c r="CM46" s="619"/>
      <c r="CN46" s="619"/>
      <c r="CO46" s="619"/>
      <c r="CP46" s="619"/>
      <c r="CQ46" s="620"/>
      <c r="CR46" s="621">
        <v>744565</v>
      </c>
      <c r="CS46" s="622"/>
      <c r="CT46" s="622"/>
      <c r="CU46" s="622"/>
      <c r="CV46" s="622"/>
      <c r="CW46" s="622"/>
      <c r="CX46" s="622"/>
      <c r="CY46" s="623"/>
      <c r="CZ46" s="624">
        <v>10.1</v>
      </c>
      <c r="DA46" s="625"/>
      <c r="DB46" s="625"/>
      <c r="DC46" s="626"/>
      <c r="DD46" s="627">
        <v>288387</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2</v>
      </c>
      <c r="CG47" s="619"/>
      <c r="CH47" s="619"/>
      <c r="CI47" s="619"/>
      <c r="CJ47" s="619"/>
      <c r="CK47" s="619"/>
      <c r="CL47" s="619"/>
      <c r="CM47" s="619"/>
      <c r="CN47" s="619"/>
      <c r="CO47" s="619"/>
      <c r="CP47" s="619"/>
      <c r="CQ47" s="620"/>
      <c r="CR47" s="621">
        <v>136309</v>
      </c>
      <c r="CS47" s="634"/>
      <c r="CT47" s="634"/>
      <c r="CU47" s="634"/>
      <c r="CV47" s="634"/>
      <c r="CW47" s="634"/>
      <c r="CX47" s="634"/>
      <c r="CY47" s="635"/>
      <c r="CZ47" s="624">
        <v>1.9</v>
      </c>
      <c r="DA47" s="636"/>
      <c r="DB47" s="636"/>
      <c r="DC47" s="637"/>
      <c r="DD47" s="627">
        <v>6309</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3</v>
      </c>
      <c r="CG48" s="619"/>
      <c r="CH48" s="619"/>
      <c r="CI48" s="619"/>
      <c r="CJ48" s="619"/>
      <c r="CK48" s="619"/>
      <c r="CL48" s="619"/>
      <c r="CM48" s="619"/>
      <c r="CN48" s="619"/>
      <c r="CO48" s="619"/>
      <c r="CP48" s="619"/>
      <c r="CQ48" s="620"/>
      <c r="CR48" s="621" t="s">
        <v>130</v>
      </c>
      <c r="CS48" s="622"/>
      <c r="CT48" s="622"/>
      <c r="CU48" s="622"/>
      <c r="CV48" s="622"/>
      <c r="CW48" s="622"/>
      <c r="CX48" s="622"/>
      <c r="CY48" s="623"/>
      <c r="CZ48" s="624" t="s">
        <v>130</v>
      </c>
      <c r="DA48" s="625"/>
      <c r="DB48" s="625"/>
      <c r="DC48" s="626"/>
      <c r="DD48" s="627" t="s">
        <v>130</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4</v>
      </c>
      <c r="CE49" s="603"/>
      <c r="CF49" s="603"/>
      <c r="CG49" s="603"/>
      <c r="CH49" s="603"/>
      <c r="CI49" s="603"/>
      <c r="CJ49" s="603"/>
      <c r="CK49" s="603"/>
      <c r="CL49" s="603"/>
      <c r="CM49" s="603"/>
      <c r="CN49" s="603"/>
      <c r="CO49" s="603"/>
      <c r="CP49" s="603"/>
      <c r="CQ49" s="604"/>
      <c r="CR49" s="605">
        <v>7356246</v>
      </c>
      <c r="CS49" s="606"/>
      <c r="CT49" s="606"/>
      <c r="CU49" s="606"/>
      <c r="CV49" s="606"/>
      <c r="CW49" s="606"/>
      <c r="CX49" s="606"/>
      <c r="CY49" s="607"/>
      <c r="CZ49" s="608">
        <v>100</v>
      </c>
      <c r="DA49" s="609"/>
      <c r="DB49" s="609"/>
      <c r="DC49" s="610"/>
      <c r="DD49" s="611">
        <v>3812885</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C5w0NLC9Sx4gqZ+XE3/MDevETsLxU93Iw7G7ON8hOIq4FnemrULKyXkuSBc8VukdHL3wwm1TCGQE4DSl2r2erQ==" saltValue="NKHFDSMm3tBPuKapZsW9ww=="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65</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66</v>
      </c>
      <c r="DK2" s="1092"/>
      <c r="DL2" s="1092"/>
      <c r="DM2" s="1092"/>
      <c r="DN2" s="1092"/>
      <c r="DO2" s="1093"/>
      <c r="DP2" s="228"/>
      <c r="DQ2" s="1091" t="s">
        <v>367</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68</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69</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70</v>
      </c>
      <c r="B5" s="996"/>
      <c r="C5" s="996"/>
      <c r="D5" s="996"/>
      <c r="E5" s="996"/>
      <c r="F5" s="996"/>
      <c r="G5" s="996"/>
      <c r="H5" s="996"/>
      <c r="I5" s="996"/>
      <c r="J5" s="996"/>
      <c r="K5" s="996"/>
      <c r="L5" s="996"/>
      <c r="M5" s="996"/>
      <c r="N5" s="996"/>
      <c r="O5" s="996"/>
      <c r="P5" s="997"/>
      <c r="Q5" s="1001" t="s">
        <v>371</v>
      </c>
      <c r="R5" s="1002"/>
      <c r="S5" s="1002"/>
      <c r="T5" s="1002"/>
      <c r="U5" s="1003"/>
      <c r="V5" s="1001" t="s">
        <v>372</v>
      </c>
      <c r="W5" s="1002"/>
      <c r="X5" s="1002"/>
      <c r="Y5" s="1002"/>
      <c r="Z5" s="1003"/>
      <c r="AA5" s="1001" t="s">
        <v>373</v>
      </c>
      <c r="AB5" s="1002"/>
      <c r="AC5" s="1002"/>
      <c r="AD5" s="1002"/>
      <c r="AE5" s="1002"/>
      <c r="AF5" s="1094" t="s">
        <v>374</v>
      </c>
      <c r="AG5" s="1002"/>
      <c r="AH5" s="1002"/>
      <c r="AI5" s="1002"/>
      <c r="AJ5" s="1015"/>
      <c r="AK5" s="1002" t="s">
        <v>375</v>
      </c>
      <c r="AL5" s="1002"/>
      <c r="AM5" s="1002"/>
      <c r="AN5" s="1002"/>
      <c r="AO5" s="1003"/>
      <c r="AP5" s="1001" t="s">
        <v>376</v>
      </c>
      <c r="AQ5" s="1002"/>
      <c r="AR5" s="1002"/>
      <c r="AS5" s="1002"/>
      <c r="AT5" s="1003"/>
      <c r="AU5" s="1001" t="s">
        <v>377</v>
      </c>
      <c r="AV5" s="1002"/>
      <c r="AW5" s="1002"/>
      <c r="AX5" s="1002"/>
      <c r="AY5" s="1015"/>
      <c r="AZ5" s="232"/>
      <c r="BA5" s="232"/>
      <c r="BB5" s="232"/>
      <c r="BC5" s="232"/>
      <c r="BD5" s="232"/>
      <c r="BE5" s="233"/>
      <c r="BF5" s="233"/>
      <c r="BG5" s="233"/>
      <c r="BH5" s="233"/>
      <c r="BI5" s="233"/>
      <c r="BJ5" s="233"/>
      <c r="BK5" s="233"/>
      <c r="BL5" s="233"/>
      <c r="BM5" s="233"/>
      <c r="BN5" s="233"/>
      <c r="BO5" s="233"/>
      <c r="BP5" s="233"/>
      <c r="BQ5" s="995" t="s">
        <v>378</v>
      </c>
      <c r="BR5" s="996"/>
      <c r="BS5" s="996"/>
      <c r="BT5" s="996"/>
      <c r="BU5" s="996"/>
      <c r="BV5" s="996"/>
      <c r="BW5" s="996"/>
      <c r="BX5" s="996"/>
      <c r="BY5" s="996"/>
      <c r="BZ5" s="996"/>
      <c r="CA5" s="996"/>
      <c r="CB5" s="996"/>
      <c r="CC5" s="996"/>
      <c r="CD5" s="996"/>
      <c r="CE5" s="996"/>
      <c r="CF5" s="996"/>
      <c r="CG5" s="997"/>
      <c r="CH5" s="1001" t="s">
        <v>379</v>
      </c>
      <c r="CI5" s="1002"/>
      <c r="CJ5" s="1002"/>
      <c r="CK5" s="1002"/>
      <c r="CL5" s="1003"/>
      <c r="CM5" s="1001" t="s">
        <v>380</v>
      </c>
      <c r="CN5" s="1002"/>
      <c r="CO5" s="1002"/>
      <c r="CP5" s="1002"/>
      <c r="CQ5" s="1003"/>
      <c r="CR5" s="1001" t="s">
        <v>381</v>
      </c>
      <c r="CS5" s="1002"/>
      <c r="CT5" s="1002"/>
      <c r="CU5" s="1002"/>
      <c r="CV5" s="1003"/>
      <c r="CW5" s="1001" t="s">
        <v>382</v>
      </c>
      <c r="CX5" s="1002"/>
      <c r="CY5" s="1002"/>
      <c r="CZ5" s="1002"/>
      <c r="DA5" s="1003"/>
      <c r="DB5" s="1001" t="s">
        <v>383</v>
      </c>
      <c r="DC5" s="1002"/>
      <c r="DD5" s="1002"/>
      <c r="DE5" s="1002"/>
      <c r="DF5" s="1003"/>
      <c r="DG5" s="1084" t="s">
        <v>384</v>
      </c>
      <c r="DH5" s="1085"/>
      <c r="DI5" s="1085"/>
      <c r="DJ5" s="1085"/>
      <c r="DK5" s="1086"/>
      <c r="DL5" s="1084" t="s">
        <v>385</v>
      </c>
      <c r="DM5" s="1085"/>
      <c r="DN5" s="1085"/>
      <c r="DO5" s="1085"/>
      <c r="DP5" s="1086"/>
      <c r="DQ5" s="1001" t="s">
        <v>386</v>
      </c>
      <c r="DR5" s="1002"/>
      <c r="DS5" s="1002"/>
      <c r="DT5" s="1002"/>
      <c r="DU5" s="1003"/>
      <c r="DV5" s="1001" t="s">
        <v>377</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87</v>
      </c>
      <c r="C7" s="1048"/>
      <c r="D7" s="1048"/>
      <c r="E7" s="1048"/>
      <c r="F7" s="1048"/>
      <c r="G7" s="1048"/>
      <c r="H7" s="1048"/>
      <c r="I7" s="1048"/>
      <c r="J7" s="1048"/>
      <c r="K7" s="1048"/>
      <c r="L7" s="1048"/>
      <c r="M7" s="1048"/>
      <c r="N7" s="1048"/>
      <c r="O7" s="1048"/>
      <c r="P7" s="1049"/>
      <c r="Q7" s="1102">
        <v>7621</v>
      </c>
      <c r="R7" s="1103"/>
      <c r="S7" s="1103"/>
      <c r="T7" s="1103"/>
      <c r="U7" s="1103"/>
      <c r="V7" s="1103">
        <v>7341</v>
      </c>
      <c r="W7" s="1103"/>
      <c r="X7" s="1103"/>
      <c r="Y7" s="1103"/>
      <c r="Z7" s="1103"/>
      <c r="AA7" s="1103">
        <v>280</v>
      </c>
      <c r="AB7" s="1103"/>
      <c r="AC7" s="1103"/>
      <c r="AD7" s="1103"/>
      <c r="AE7" s="1104"/>
      <c r="AF7" s="1105">
        <v>226</v>
      </c>
      <c r="AG7" s="1106"/>
      <c r="AH7" s="1106"/>
      <c r="AI7" s="1106"/>
      <c r="AJ7" s="1107"/>
      <c r="AK7" s="1108">
        <v>125</v>
      </c>
      <c r="AL7" s="1109"/>
      <c r="AM7" s="1109"/>
      <c r="AN7" s="1109"/>
      <c r="AO7" s="1109"/>
      <c r="AP7" s="1109">
        <v>1651</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c r="BS7" s="1099" t="s">
        <v>587</v>
      </c>
      <c r="BT7" s="1100"/>
      <c r="BU7" s="1100"/>
      <c r="BV7" s="1100"/>
      <c r="BW7" s="1100"/>
      <c r="BX7" s="1100"/>
      <c r="BY7" s="1100"/>
      <c r="BZ7" s="1100"/>
      <c r="CA7" s="1100"/>
      <c r="CB7" s="1100"/>
      <c r="CC7" s="1100"/>
      <c r="CD7" s="1100"/>
      <c r="CE7" s="1100"/>
      <c r="CF7" s="1100"/>
      <c r="CG7" s="1112"/>
      <c r="CH7" s="1096">
        <v>-17</v>
      </c>
      <c r="CI7" s="1097"/>
      <c r="CJ7" s="1097"/>
      <c r="CK7" s="1097"/>
      <c r="CL7" s="1098"/>
      <c r="CM7" s="1096">
        <v>119</v>
      </c>
      <c r="CN7" s="1097"/>
      <c r="CO7" s="1097"/>
      <c r="CP7" s="1097"/>
      <c r="CQ7" s="1098"/>
      <c r="CR7" s="1096">
        <v>181</v>
      </c>
      <c r="CS7" s="1097"/>
      <c r="CT7" s="1097"/>
      <c r="CU7" s="1097"/>
      <c r="CV7" s="1098"/>
      <c r="CW7" s="1096" t="s">
        <v>578</v>
      </c>
      <c r="CX7" s="1097"/>
      <c r="CY7" s="1097"/>
      <c r="CZ7" s="1097"/>
      <c r="DA7" s="1098"/>
      <c r="DB7" s="1096" t="s">
        <v>514</v>
      </c>
      <c r="DC7" s="1097"/>
      <c r="DD7" s="1097"/>
      <c r="DE7" s="1097"/>
      <c r="DF7" s="1098"/>
      <c r="DG7" s="1096" t="s">
        <v>514</v>
      </c>
      <c r="DH7" s="1097"/>
      <c r="DI7" s="1097"/>
      <c r="DJ7" s="1097"/>
      <c r="DK7" s="1098"/>
      <c r="DL7" s="1096" t="s">
        <v>514</v>
      </c>
      <c r="DM7" s="1097"/>
      <c r="DN7" s="1097"/>
      <c r="DO7" s="1097"/>
      <c r="DP7" s="1098"/>
      <c r="DQ7" s="1096" t="s">
        <v>514</v>
      </c>
      <c r="DR7" s="1097"/>
      <c r="DS7" s="1097"/>
      <c r="DT7" s="1097"/>
      <c r="DU7" s="1098"/>
      <c r="DV7" s="1099" t="s">
        <v>590</v>
      </c>
      <c r="DW7" s="1100"/>
      <c r="DX7" s="1100"/>
      <c r="DY7" s="1100"/>
      <c r="DZ7" s="1101"/>
      <c r="EA7" s="234"/>
    </row>
    <row r="8" spans="1:131" s="235" customFormat="1" ht="26.25" customHeight="1" x14ac:dyDescent="0.2">
      <c r="A8" s="238">
        <v>2</v>
      </c>
      <c r="B8" s="1030" t="s">
        <v>388</v>
      </c>
      <c r="C8" s="1031"/>
      <c r="D8" s="1031"/>
      <c r="E8" s="1031"/>
      <c r="F8" s="1031"/>
      <c r="G8" s="1031"/>
      <c r="H8" s="1031"/>
      <c r="I8" s="1031"/>
      <c r="J8" s="1031"/>
      <c r="K8" s="1031"/>
      <c r="L8" s="1031"/>
      <c r="M8" s="1031"/>
      <c r="N8" s="1031"/>
      <c r="O8" s="1031"/>
      <c r="P8" s="1032"/>
      <c r="Q8" s="1038">
        <v>83</v>
      </c>
      <c r="R8" s="1039"/>
      <c r="S8" s="1039"/>
      <c r="T8" s="1039"/>
      <c r="U8" s="1039"/>
      <c r="V8" s="1039">
        <v>67</v>
      </c>
      <c r="W8" s="1039"/>
      <c r="X8" s="1039"/>
      <c r="Y8" s="1039"/>
      <c r="Z8" s="1039"/>
      <c r="AA8" s="1039">
        <v>16</v>
      </c>
      <c r="AB8" s="1039"/>
      <c r="AC8" s="1039"/>
      <c r="AD8" s="1039"/>
      <c r="AE8" s="1040"/>
      <c r="AF8" s="1035">
        <v>16</v>
      </c>
      <c r="AG8" s="1036"/>
      <c r="AH8" s="1036"/>
      <c r="AI8" s="1036"/>
      <c r="AJ8" s="1037"/>
      <c r="AK8" s="1080" t="s">
        <v>578</v>
      </c>
      <c r="AL8" s="1081"/>
      <c r="AM8" s="1081"/>
      <c r="AN8" s="1081"/>
      <c r="AO8" s="1081"/>
      <c r="AP8" s="1081" t="s">
        <v>578</v>
      </c>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t="s">
        <v>588</v>
      </c>
      <c r="BT8" s="993"/>
      <c r="BU8" s="993"/>
      <c r="BV8" s="993"/>
      <c r="BW8" s="993"/>
      <c r="BX8" s="993"/>
      <c r="BY8" s="993"/>
      <c r="BZ8" s="993"/>
      <c r="CA8" s="993"/>
      <c r="CB8" s="993"/>
      <c r="CC8" s="993"/>
      <c r="CD8" s="993"/>
      <c r="CE8" s="993"/>
      <c r="CF8" s="993"/>
      <c r="CG8" s="1014"/>
      <c r="CH8" s="989">
        <v>0</v>
      </c>
      <c r="CI8" s="990"/>
      <c r="CJ8" s="990"/>
      <c r="CK8" s="990"/>
      <c r="CL8" s="991"/>
      <c r="CM8" s="989">
        <v>11</v>
      </c>
      <c r="CN8" s="990"/>
      <c r="CO8" s="990"/>
      <c r="CP8" s="990"/>
      <c r="CQ8" s="991"/>
      <c r="CR8" s="989">
        <v>50</v>
      </c>
      <c r="CS8" s="990"/>
      <c r="CT8" s="990"/>
      <c r="CU8" s="990"/>
      <c r="CV8" s="991"/>
      <c r="CW8" s="989">
        <v>39</v>
      </c>
      <c r="CX8" s="990"/>
      <c r="CY8" s="990"/>
      <c r="CZ8" s="990"/>
      <c r="DA8" s="991"/>
      <c r="DB8" s="989" t="s">
        <v>514</v>
      </c>
      <c r="DC8" s="990"/>
      <c r="DD8" s="990"/>
      <c r="DE8" s="990"/>
      <c r="DF8" s="991"/>
      <c r="DG8" s="989" t="s">
        <v>514</v>
      </c>
      <c r="DH8" s="990"/>
      <c r="DI8" s="990"/>
      <c r="DJ8" s="990"/>
      <c r="DK8" s="991"/>
      <c r="DL8" s="989" t="s">
        <v>514</v>
      </c>
      <c r="DM8" s="990"/>
      <c r="DN8" s="990"/>
      <c r="DO8" s="990"/>
      <c r="DP8" s="991"/>
      <c r="DQ8" s="989" t="s">
        <v>514</v>
      </c>
      <c r="DR8" s="990"/>
      <c r="DS8" s="990"/>
      <c r="DT8" s="990"/>
      <c r="DU8" s="991"/>
      <c r="DV8" s="992" t="s">
        <v>591</v>
      </c>
      <c r="DW8" s="993"/>
      <c r="DX8" s="993"/>
      <c r="DY8" s="993"/>
      <c r="DZ8" s="994"/>
      <c r="EA8" s="234"/>
    </row>
    <row r="9" spans="1:131" s="235" customFormat="1" ht="26.25" customHeight="1" x14ac:dyDescent="0.2">
      <c r="A9" s="238">
        <v>3</v>
      </c>
      <c r="B9" s="1030" t="s">
        <v>389</v>
      </c>
      <c r="C9" s="1031"/>
      <c r="D9" s="1031"/>
      <c r="E9" s="1031"/>
      <c r="F9" s="1031"/>
      <c r="G9" s="1031"/>
      <c r="H9" s="1031"/>
      <c r="I9" s="1031"/>
      <c r="J9" s="1031"/>
      <c r="K9" s="1031"/>
      <c r="L9" s="1031"/>
      <c r="M9" s="1031"/>
      <c r="N9" s="1031"/>
      <c r="O9" s="1031"/>
      <c r="P9" s="1032"/>
      <c r="Q9" s="1038">
        <v>169</v>
      </c>
      <c r="R9" s="1039"/>
      <c r="S9" s="1039"/>
      <c r="T9" s="1039"/>
      <c r="U9" s="1039"/>
      <c r="V9" s="1039">
        <v>169</v>
      </c>
      <c r="W9" s="1039"/>
      <c r="X9" s="1039"/>
      <c r="Y9" s="1039"/>
      <c r="Z9" s="1039"/>
      <c r="AA9" s="1039" t="s">
        <v>578</v>
      </c>
      <c r="AB9" s="1039"/>
      <c r="AC9" s="1039"/>
      <c r="AD9" s="1039"/>
      <c r="AE9" s="1040"/>
      <c r="AF9" s="1035" t="s">
        <v>130</v>
      </c>
      <c r="AG9" s="1036"/>
      <c r="AH9" s="1036"/>
      <c r="AI9" s="1036"/>
      <c r="AJ9" s="1037"/>
      <c r="AK9" s="1080" t="s">
        <v>578</v>
      </c>
      <c r="AL9" s="1081"/>
      <c r="AM9" s="1081"/>
      <c r="AN9" s="1081"/>
      <c r="AO9" s="1081"/>
      <c r="AP9" s="1081" t="s">
        <v>578</v>
      </c>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t="s">
        <v>589</v>
      </c>
      <c r="BT9" s="993"/>
      <c r="BU9" s="993"/>
      <c r="BV9" s="993"/>
      <c r="BW9" s="993"/>
      <c r="BX9" s="993"/>
      <c r="BY9" s="993"/>
      <c r="BZ9" s="993"/>
      <c r="CA9" s="993"/>
      <c r="CB9" s="993"/>
      <c r="CC9" s="993"/>
      <c r="CD9" s="993"/>
      <c r="CE9" s="993"/>
      <c r="CF9" s="993"/>
      <c r="CG9" s="1014"/>
      <c r="CH9" s="989">
        <v>2</v>
      </c>
      <c r="CI9" s="990"/>
      <c r="CJ9" s="990"/>
      <c r="CK9" s="990"/>
      <c r="CL9" s="991"/>
      <c r="CM9" s="989">
        <v>51</v>
      </c>
      <c r="CN9" s="990"/>
      <c r="CO9" s="990"/>
      <c r="CP9" s="990"/>
      <c r="CQ9" s="991"/>
      <c r="CR9" s="989">
        <v>35</v>
      </c>
      <c r="CS9" s="990"/>
      <c r="CT9" s="990"/>
      <c r="CU9" s="990"/>
      <c r="CV9" s="991"/>
      <c r="CW9" s="989">
        <v>48</v>
      </c>
      <c r="CX9" s="990"/>
      <c r="CY9" s="990"/>
      <c r="CZ9" s="990"/>
      <c r="DA9" s="991"/>
      <c r="DB9" s="989" t="s">
        <v>514</v>
      </c>
      <c r="DC9" s="990"/>
      <c r="DD9" s="990"/>
      <c r="DE9" s="990"/>
      <c r="DF9" s="991"/>
      <c r="DG9" s="989" t="s">
        <v>514</v>
      </c>
      <c r="DH9" s="990"/>
      <c r="DI9" s="990"/>
      <c r="DJ9" s="990"/>
      <c r="DK9" s="991"/>
      <c r="DL9" s="989" t="s">
        <v>514</v>
      </c>
      <c r="DM9" s="990"/>
      <c r="DN9" s="990"/>
      <c r="DO9" s="990"/>
      <c r="DP9" s="991"/>
      <c r="DQ9" s="989" t="s">
        <v>514</v>
      </c>
      <c r="DR9" s="990"/>
      <c r="DS9" s="990"/>
      <c r="DT9" s="990"/>
      <c r="DU9" s="991"/>
      <c r="DV9" s="992" t="s">
        <v>592</v>
      </c>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90</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91</v>
      </c>
      <c r="B23" s="937" t="s">
        <v>392</v>
      </c>
      <c r="C23" s="938"/>
      <c r="D23" s="938"/>
      <c r="E23" s="938"/>
      <c r="F23" s="938"/>
      <c r="G23" s="938"/>
      <c r="H23" s="938"/>
      <c r="I23" s="938"/>
      <c r="J23" s="938"/>
      <c r="K23" s="938"/>
      <c r="L23" s="938"/>
      <c r="M23" s="938"/>
      <c r="N23" s="938"/>
      <c r="O23" s="938"/>
      <c r="P23" s="948"/>
      <c r="Q23" s="1067">
        <v>7873</v>
      </c>
      <c r="R23" s="1061"/>
      <c r="S23" s="1061"/>
      <c r="T23" s="1061"/>
      <c r="U23" s="1061"/>
      <c r="V23" s="1061">
        <v>7577</v>
      </c>
      <c r="W23" s="1061"/>
      <c r="X23" s="1061"/>
      <c r="Y23" s="1061"/>
      <c r="Z23" s="1061"/>
      <c r="AA23" s="1061">
        <v>296</v>
      </c>
      <c r="AB23" s="1061"/>
      <c r="AC23" s="1061"/>
      <c r="AD23" s="1061"/>
      <c r="AE23" s="1068"/>
      <c r="AF23" s="1069">
        <v>243</v>
      </c>
      <c r="AG23" s="1061"/>
      <c r="AH23" s="1061"/>
      <c r="AI23" s="1061"/>
      <c r="AJ23" s="1070"/>
      <c r="AK23" s="1071"/>
      <c r="AL23" s="1072"/>
      <c r="AM23" s="1072"/>
      <c r="AN23" s="1072"/>
      <c r="AO23" s="1072"/>
      <c r="AP23" s="1061">
        <v>1651</v>
      </c>
      <c r="AQ23" s="1061"/>
      <c r="AR23" s="1061"/>
      <c r="AS23" s="1061"/>
      <c r="AT23" s="1061"/>
      <c r="AU23" s="1062"/>
      <c r="AV23" s="1062"/>
      <c r="AW23" s="1062"/>
      <c r="AX23" s="1062"/>
      <c r="AY23" s="1063"/>
      <c r="AZ23" s="1064" t="s">
        <v>393</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394</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395</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70</v>
      </c>
      <c r="B26" s="996"/>
      <c r="C26" s="996"/>
      <c r="D26" s="996"/>
      <c r="E26" s="996"/>
      <c r="F26" s="996"/>
      <c r="G26" s="996"/>
      <c r="H26" s="996"/>
      <c r="I26" s="996"/>
      <c r="J26" s="996"/>
      <c r="K26" s="996"/>
      <c r="L26" s="996"/>
      <c r="M26" s="996"/>
      <c r="N26" s="996"/>
      <c r="O26" s="996"/>
      <c r="P26" s="997"/>
      <c r="Q26" s="1001" t="s">
        <v>396</v>
      </c>
      <c r="R26" s="1002"/>
      <c r="S26" s="1002"/>
      <c r="T26" s="1002"/>
      <c r="U26" s="1003"/>
      <c r="V26" s="1001" t="s">
        <v>397</v>
      </c>
      <c r="W26" s="1002"/>
      <c r="X26" s="1002"/>
      <c r="Y26" s="1002"/>
      <c r="Z26" s="1003"/>
      <c r="AA26" s="1001" t="s">
        <v>398</v>
      </c>
      <c r="AB26" s="1002"/>
      <c r="AC26" s="1002"/>
      <c r="AD26" s="1002"/>
      <c r="AE26" s="1002"/>
      <c r="AF26" s="1055" t="s">
        <v>399</v>
      </c>
      <c r="AG26" s="1008"/>
      <c r="AH26" s="1008"/>
      <c r="AI26" s="1008"/>
      <c r="AJ26" s="1056"/>
      <c r="AK26" s="1002" t="s">
        <v>400</v>
      </c>
      <c r="AL26" s="1002"/>
      <c r="AM26" s="1002"/>
      <c r="AN26" s="1002"/>
      <c r="AO26" s="1003"/>
      <c r="AP26" s="1001" t="s">
        <v>401</v>
      </c>
      <c r="AQ26" s="1002"/>
      <c r="AR26" s="1002"/>
      <c r="AS26" s="1002"/>
      <c r="AT26" s="1003"/>
      <c r="AU26" s="1001" t="s">
        <v>402</v>
      </c>
      <c r="AV26" s="1002"/>
      <c r="AW26" s="1002"/>
      <c r="AX26" s="1002"/>
      <c r="AY26" s="1003"/>
      <c r="AZ26" s="1001" t="s">
        <v>403</v>
      </c>
      <c r="BA26" s="1002"/>
      <c r="BB26" s="1002"/>
      <c r="BC26" s="1002"/>
      <c r="BD26" s="1003"/>
      <c r="BE26" s="1001" t="s">
        <v>377</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404</v>
      </c>
      <c r="C28" s="1048"/>
      <c r="D28" s="1048"/>
      <c r="E28" s="1048"/>
      <c r="F28" s="1048"/>
      <c r="G28" s="1048"/>
      <c r="H28" s="1048"/>
      <c r="I28" s="1048"/>
      <c r="J28" s="1048"/>
      <c r="K28" s="1048"/>
      <c r="L28" s="1048"/>
      <c r="M28" s="1048"/>
      <c r="N28" s="1048"/>
      <c r="O28" s="1048"/>
      <c r="P28" s="1049"/>
      <c r="Q28" s="1050">
        <v>739</v>
      </c>
      <c r="R28" s="1051"/>
      <c r="S28" s="1051"/>
      <c r="T28" s="1051"/>
      <c r="U28" s="1051"/>
      <c r="V28" s="1051">
        <v>710</v>
      </c>
      <c r="W28" s="1051"/>
      <c r="X28" s="1051"/>
      <c r="Y28" s="1051"/>
      <c r="Z28" s="1051"/>
      <c r="AA28" s="1051">
        <v>29</v>
      </c>
      <c r="AB28" s="1051"/>
      <c r="AC28" s="1051"/>
      <c r="AD28" s="1051"/>
      <c r="AE28" s="1052"/>
      <c r="AF28" s="1053">
        <v>29</v>
      </c>
      <c r="AG28" s="1051"/>
      <c r="AH28" s="1051"/>
      <c r="AI28" s="1051"/>
      <c r="AJ28" s="1054"/>
      <c r="AK28" s="1042">
        <v>81</v>
      </c>
      <c r="AL28" s="1043"/>
      <c r="AM28" s="1043"/>
      <c r="AN28" s="1043"/>
      <c r="AO28" s="1043"/>
      <c r="AP28" s="1043" t="s">
        <v>578</v>
      </c>
      <c r="AQ28" s="1043"/>
      <c r="AR28" s="1043"/>
      <c r="AS28" s="1043"/>
      <c r="AT28" s="1043"/>
      <c r="AU28" s="1043" t="s">
        <v>578</v>
      </c>
      <c r="AV28" s="1043"/>
      <c r="AW28" s="1043"/>
      <c r="AX28" s="1043"/>
      <c r="AY28" s="1043"/>
      <c r="AZ28" s="1044" t="s">
        <v>578</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05</v>
      </c>
      <c r="C29" s="1031"/>
      <c r="D29" s="1031"/>
      <c r="E29" s="1031"/>
      <c r="F29" s="1031"/>
      <c r="G29" s="1031"/>
      <c r="H29" s="1031"/>
      <c r="I29" s="1031"/>
      <c r="J29" s="1031"/>
      <c r="K29" s="1031"/>
      <c r="L29" s="1031"/>
      <c r="M29" s="1031"/>
      <c r="N29" s="1031"/>
      <c r="O29" s="1031"/>
      <c r="P29" s="1032"/>
      <c r="Q29" s="1038">
        <v>866</v>
      </c>
      <c r="R29" s="1039"/>
      <c r="S29" s="1039"/>
      <c r="T29" s="1039"/>
      <c r="U29" s="1039"/>
      <c r="V29" s="1039">
        <v>811</v>
      </c>
      <c r="W29" s="1039"/>
      <c r="X29" s="1039"/>
      <c r="Y29" s="1039"/>
      <c r="Z29" s="1039"/>
      <c r="AA29" s="1039">
        <v>55</v>
      </c>
      <c r="AB29" s="1039"/>
      <c r="AC29" s="1039"/>
      <c r="AD29" s="1039"/>
      <c r="AE29" s="1040"/>
      <c r="AF29" s="1035">
        <v>55</v>
      </c>
      <c r="AG29" s="1036"/>
      <c r="AH29" s="1036"/>
      <c r="AI29" s="1036"/>
      <c r="AJ29" s="1037"/>
      <c r="AK29" s="980">
        <v>138</v>
      </c>
      <c r="AL29" s="971"/>
      <c r="AM29" s="971"/>
      <c r="AN29" s="971"/>
      <c r="AO29" s="971"/>
      <c r="AP29" s="971" t="s">
        <v>578</v>
      </c>
      <c r="AQ29" s="971"/>
      <c r="AR29" s="971"/>
      <c r="AS29" s="971"/>
      <c r="AT29" s="971"/>
      <c r="AU29" s="971" t="s">
        <v>578</v>
      </c>
      <c r="AV29" s="971"/>
      <c r="AW29" s="971"/>
      <c r="AX29" s="971"/>
      <c r="AY29" s="971"/>
      <c r="AZ29" s="1041" t="s">
        <v>578</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06</v>
      </c>
      <c r="C30" s="1031"/>
      <c r="D30" s="1031"/>
      <c r="E30" s="1031"/>
      <c r="F30" s="1031"/>
      <c r="G30" s="1031"/>
      <c r="H30" s="1031"/>
      <c r="I30" s="1031"/>
      <c r="J30" s="1031"/>
      <c r="K30" s="1031"/>
      <c r="L30" s="1031"/>
      <c r="M30" s="1031"/>
      <c r="N30" s="1031"/>
      <c r="O30" s="1031"/>
      <c r="P30" s="1032"/>
      <c r="Q30" s="1038">
        <v>232</v>
      </c>
      <c r="R30" s="1039"/>
      <c r="S30" s="1039"/>
      <c r="T30" s="1039"/>
      <c r="U30" s="1039"/>
      <c r="V30" s="1039">
        <v>225</v>
      </c>
      <c r="W30" s="1039"/>
      <c r="X30" s="1039"/>
      <c r="Y30" s="1039"/>
      <c r="Z30" s="1039"/>
      <c r="AA30" s="1039">
        <v>7</v>
      </c>
      <c r="AB30" s="1039"/>
      <c r="AC30" s="1039"/>
      <c r="AD30" s="1039"/>
      <c r="AE30" s="1040"/>
      <c r="AF30" s="1035">
        <v>7</v>
      </c>
      <c r="AG30" s="1036"/>
      <c r="AH30" s="1036"/>
      <c r="AI30" s="1036"/>
      <c r="AJ30" s="1037"/>
      <c r="AK30" s="980">
        <v>25</v>
      </c>
      <c r="AL30" s="971"/>
      <c r="AM30" s="971"/>
      <c r="AN30" s="971"/>
      <c r="AO30" s="971"/>
      <c r="AP30" s="971" t="s">
        <v>578</v>
      </c>
      <c r="AQ30" s="971"/>
      <c r="AR30" s="971"/>
      <c r="AS30" s="971"/>
      <c r="AT30" s="971"/>
      <c r="AU30" s="971" t="s">
        <v>578</v>
      </c>
      <c r="AV30" s="971"/>
      <c r="AW30" s="971"/>
      <c r="AX30" s="971"/>
      <c r="AY30" s="971"/>
      <c r="AZ30" s="1041" t="s">
        <v>578</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07</v>
      </c>
      <c r="C31" s="1031"/>
      <c r="D31" s="1031"/>
      <c r="E31" s="1031"/>
      <c r="F31" s="1031"/>
      <c r="G31" s="1031"/>
      <c r="H31" s="1031"/>
      <c r="I31" s="1031"/>
      <c r="J31" s="1031"/>
      <c r="K31" s="1031"/>
      <c r="L31" s="1031"/>
      <c r="M31" s="1031"/>
      <c r="N31" s="1031"/>
      <c r="O31" s="1031"/>
      <c r="P31" s="1032"/>
      <c r="Q31" s="1038">
        <v>487</v>
      </c>
      <c r="R31" s="1039"/>
      <c r="S31" s="1039"/>
      <c r="T31" s="1039"/>
      <c r="U31" s="1039"/>
      <c r="V31" s="1039">
        <v>490</v>
      </c>
      <c r="W31" s="1039"/>
      <c r="X31" s="1039"/>
      <c r="Y31" s="1039"/>
      <c r="Z31" s="1039"/>
      <c r="AA31" s="1039">
        <v>-3</v>
      </c>
      <c r="AB31" s="1039"/>
      <c r="AC31" s="1039"/>
      <c r="AD31" s="1039"/>
      <c r="AE31" s="1040"/>
      <c r="AF31" s="1035">
        <v>408</v>
      </c>
      <c r="AG31" s="1036"/>
      <c r="AH31" s="1036"/>
      <c r="AI31" s="1036"/>
      <c r="AJ31" s="1037"/>
      <c r="AK31" s="980">
        <v>20</v>
      </c>
      <c r="AL31" s="971"/>
      <c r="AM31" s="971"/>
      <c r="AN31" s="971"/>
      <c r="AO31" s="971"/>
      <c r="AP31" s="971">
        <v>17</v>
      </c>
      <c r="AQ31" s="971"/>
      <c r="AR31" s="971"/>
      <c r="AS31" s="971"/>
      <c r="AT31" s="971"/>
      <c r="AU31" s="971">
        <v>12</v>
      </c>
      <c r="AV31" s="971"/>
      <c r="AW31" s="971"/>
      <c r="AX31" s="971"/>
      <c r="AY31" s="971"/>
      <c r="AZ31" s="1041" t="s">
        <v>578</v>
      </c>
      <c r="BA31" s="1041"/>
      <c r="BB31" s="1041"/>
      <c r="BC31" s="1041"/>
      <c r="BD31" s="1041"/>
      <c r="BE31" s="972" t="s">
        <v>408</v>
      </c>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t="s">
        <v>409</v>
      </c>
      <c r="C32" s="1031"/>
      <c r="D32" s="1031"/>
      <c r="E32" s="1031"/>
      <c r="F32" s="1031"/>
      <c r="G32" s="1031"/>
      <c r="H32" s="1031"/>
      <c r="I32" s="1031"/>
      <c r="J32" s="1031"/>
      <c r="K32" s="1031"/>
      <c r="L32" s="1031"/>
      <c r="M32" s="1031"/>
      <c r="N32" s="1031"/>
      <c r="O32" s="1031"/>
      <c r="P32" s="1032"/>
      <c r="Q32" s="1038">
        <v>642</v>
      </c>
      <c r="R32" s="1039"/>
      <c r="S32" s="1039"/>
      <c r="T32" s="1039"/>
      <c r="U32" s="1039"/>
      <c r="V32" s="1039">
        <v>642</v>
      </c>
      <c r="W32" s="1039"/>
      <c r="X32" s="1039"/>
      <c r="Y32" s="1039"/>
      <c r="Z32" s="1039"/>
      <c r="AA32" s="1039">
        <v>0</v>
      </c>
      <c r="AB32" s="1039"/>
      <c r="AC32" s="1039"/>
      <c r="AD32" s="1039"/>
      <c r="AE32" s="1040"/>
      <c r="AF32" s="1035">
        <v>0</v>
      </c>
      <c r="AG32" s="1036"/>
      <c r="AH32" s="1036"/>
      <c r="AI32" s="1036"/>
      <c r="AJ32" s="1037"/>
      <c r="AK32" s="980">
        <v>561</v>
      </c>
      <c r="AL32" s="971"/>
      <c r="AM32" s="971"/>
      <c r="AN32" s="971"/>
      <c r="AO32" s="971"/>
      <c r="AP32" s="971">
        <v>2721</v>
      </c>
      <c r="AQ32" s="971"/>
      <c r="AR32" s="971"/>
      <c r="AS32" s="971"/>
      <c r="AT32" s="971"/>
      <c r="AU32" s="971">
        <v>2598</v>
      </c>
      <c r="AV32" s="971"/>
      <c r="AW32" s="971"/>
      <c r="AX32" s="971"/>
      <c r="AY32" s="971"/>
      <c r="AZ32" s="1041" t="s">
        <v>578</v>
      </c>
      <c r="BA32" s="1041"/>
      <c r="BB32" s="1041"/>
      <c r="BC32" s="1041"/>
      <c r="BD32" s="1041"/>
      <c r="BE32" s="972" t="s">
        <v>410</v>
      </c>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c r="C33" s="1031"/>
      <c r="D33" s="1031"/>
      <c r="E33" s="1031"/>
      <c r="F33" s="1031"/>
      <c r="G33" s="1031"/>
      <c r="H33" s="1031"/>
      <c r="I33" s="1031"/>
      <c r="J33" s="1031"/>
      <c r="K33" s="1031"/>
      <c r="L33" s="1031"/>
      <c r="M33" s="1031"/>
      <c r="N33" s="1031"/>
      <c r="O33" s="1031"/>
      <c r="P33" s="1032"/>
      <c r="Q33" s="1038"/>
      <c r="R33" s="1039"/>
      <c r="S33" s="1039"/>
      <c r="T33" s="1039"/>
      <c r="U33" s="1039"/>
      <c r="V33" s="1039"/>
      <c r="W33" s="1039"/>
      <c r="X33" s="1039"/>
      <c r="Y33" s="1039"/>
      <c r="Z33" s="1039"/>
      <c r="AA33" s="1039"/>
      <c r="AB33" s="1039"/>
      <c r="AC33" s="1039"/>
      <c r="AD33" s="1039"/>
      <c r="AE33" s="1040"/>
      <c r="AF33" s="1035"/>
      <c r="AG33" s="1036"/>
      <c r="AH33" s="1036"/>
      <c r="AI33" s="1036"/>
      <c r="AJ33" s="1037"/>
      <c r="AK33" s="980"/>
      <c r="AL33" s="971"/>
      <c r="AM33" s="971"/>
      <c r="AN33" s="971"/>
      <c r="AO33" s="971"/>
      <c r="AP33" s="971"/>
      <c r="AQ33" s="971"/>
      <c r="AR33" s="971"/>
      <c r="AS33" s="971"/>
      <c r="AT33" s="971"/>
      <c r="AU33" s="971"/>
      <c r="AV33" s="971"/>
      <c r="AW33" s="971"/>
      <c r="AX33" s="971"/>
      <c r="AY33" s="971"/>
      <c r="AZ33" s="1041"/>
      <c r="BA33" s="1041"/>
      <c r="BB33" s="1041"/>
      <c r="BC33" s="1041"/>
      <c r="BD33" s="1041"/>
      <c r="BE33" s="972"/>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1</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91</v>
      </c>
      <c r="B63" s="937" t="s">
        <v>412</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498</v>
      </c>
      <c r="AG63" s="959"/>
      <c r="AH63" s="959"/>
      <c r="AI63" s="959"/>
      <c r="AJ63" s="1022"/>
      <c r="AK63" s="1023"/>
      <c r="AL63" s="963"/>
      <c r="AM63" s="963"/>
      <c r="AN63" s="963"/>
      <c r="AO63" s="963"/>
      <c r="AP63" s="959">
        <v>2738</v>
      </c>
      <c r="AQ63" s="959"/>
      <c r="AR63" s="959"/>
      <c r="AS63" s="959"/>
      <c r="AT63" s="959"/>
      <c r="AU63" s="959">
        <v>2610</v>
      </c>
      <c r="AV63" s="959"/>
      <c r="AW63" s="959"/>
      <c r="AX63" s="959"/>
      <c r="AY63" s="959"/>
      <c r="AZ63" s="1017"/>
      <c r="BA63" s="1017"/>
      <c r="BB63" s="1017"/>
      <c r="BC63" s="1017"/>
      <c r="BD63" s="1017"/>
      <c r="BE63" s="960"/>
      <c r="BF63" s="960"/>
      <c r="BG63" s="960"/>
      <c r="BH63" s="960"/>
      <c r="BI63" s="961"/>
      <c r="BJ63" s="1018" t="s">
        <v>393</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13</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14</v>
      </c>
      <c r="B66" s="996"/>
      <c r="C66" s="996"/>
      <c r="D66" s="996"/>
      <c r="E66" s="996"/>
      <c r="F66" s="996"/>
      <c r="G66" s="996"/>
      <c r="H66" s="996"/>
      <c r="I66" s="996"/>
      <c r="J66" s="996"/>
      <c r="K66" s="996"/>
      <c r="L66" s="996"/>
      <c r="M66" s="996"/>
      <c r="N66" s="996"/>
      <c r="O66" s="996"/>
      <c r="P66" s="997"/>
      <c r="Q66" s="1001" t="s">
        <v>415</v>
      </c>
      <c r="R66" s="1002"/>
      <c r="S66" s="1002"/>
      <c r="T66" s="1002"/>
      <c r="U66" s="1003"/>
      <c r="V66" s="1001" t="s">
        <v>397</v>
      </c>
      <c r="W66" s="1002"/>
      <c r="X66" s="1002"/>
      <c r="Y66" s="1002"/>
      <c r="Z66" s="1003"/>
      <c r="AA66" s="1001" t="s">
        <v>416</v>
      </c>
      <c r="AB66" s="1002"/>
      <c r="AC66" s="1002"/>
      <c r="AD66" s="1002"/>
      <c r="AE66" s="1003"/>
      <c r="AF66" s="1007" t="s">
        <v>417</v>
      </c>
      <c r="AG66" s="1008"/>
      <c r="AH66" s="1008"/>
      <c r="AI66" s="1008"/>
      <c r="AJ66" s="1009"/>
      <c r="AK66" s="1001" t="s">
        <v>400</v>
      </c>
      <c r="AL66" s="996"/>
      <c r="AM66" s="996"/>
      <c r="AN66" s="996"/>
      <c r="AO66" s="997"/>
      <c r="AP66" s="1001" t="s">
        <v>418</v>
      </c>
      <c r="AQ66" s="1002"/>
      <c r="AR66" s="1002"/>
      <c r="AS66" s="1002"/>
      <c r="AT66" s="1003"/>
      <c r="AU66" s="1001" t="s">
        <v>419</v>
      </c>
      <c r="AV66" s="1002"/>
      <c r="AW66" s="1002"/>
      <c r="AX66" s="1002"/>
      <c r="AY66" s="1003"/>
      <c r="AZ66" s="1001" t="s">
        <v>377</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79</v>
      </c>
      <c r="C68" s="986"/>
      <c r="D68" s="986"/>
      <c r="E68" s="986"/>
      <c r="F68" s="986"/>
      <c r="G68" s="986"/>
      <c r="H68" s="986"/>
      <c r="I68" s="986"/>
      <c r="J68" s="986"/>
      <c r="K68" s="986"/>
      <c r="L68" s="986"/>
      <c r="M68" s="986"/>
      <c r="N68" s="986"/>
      <c r="O68" s="986"/>
      <c r="P68" s="987"/>
      <c r="Q68" s="988">
        <v>925</v>
      </c>
      <c r="R68" s="982"/>
      <c r="S68" s="982"/>
      <c r="T68" s="982"/>
      <c r="U68" s="982"/>
      <c r="V68" s="982">
        <v>905</v>
      </c>
      <c r="W68" s="982"/>
      <c r="X68" s="982"/>
      <c r="Y68" s="982"/>
      <c r="Z68" s="982"/>
      <c r="AA68" s="982">
        <v>20</v>
      </c>
      <c r="AB68" s="982"/>
      <c r="AC68" s="982"/>
      <c r="AD68" s="982"/>
      <c r="AE68" s="982"/>
      <c r="AF68" s="982">
        <v>20</v>
      </c>
      <c r="AG68" s="982"/>
      <c r="AH68" s="982"/>
      <c r="AI68" s="982"/>
      <c r="AJ68" s="982"/>
      <c r="AK68" s="982">
        <v>45</v>
      </c>
      <c r="AL68" s="982"/>
      <c r="AM68" s="982"/>
      <c r="AN68" s="982"/>
      <c r="AO68" s="982"/>
      <c r="AP68" s="982" t="s">
        <v>578</v>
      </c>
      <c r="AQ68" s="982"/>
      <c r="AR68" s="982"/>
      <c r="AS68" s="982"/>
      <c r="AT68" s="982"/>
      <c r="AU68" s="982" t="s">
        <v>578</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80</v>
      </c>
      <c r="C69" s="975"/>
      <c r="D69" s="975"/>
      <c r="E69" s="975"/>
      <c r="F69" s="975"/>
      <c r="G69" s="975"/>
      <c r="H69" s="975"/>
      <c r="I69" s="975"/>
      <c r="J69" s="975"/>
      <c r="K69" s="975"/>
      <c r="L69" s="975"/>
      <c r="M69" s="975"/>
      <c r="N69" s="975"/>
      <c r="O69" s="975"/>
      <c r="P69" s="976"/>
      <c r="Q69" s="977">
        <v>267</v>
      </c>
      <c r="R69" s="971"/>
      <c r="S69" s="971"/>
      <c r="T69" s="971"/>
      <c r="U69" s="971"/>
      <c r="V69" s="971">
        <v>178</v>
      </c>
      <c r="W69" s="971"/>
      <c r="X69" s="971"/>
      <c r="Y69" s="971"/>
      <c r="Z69" s="971"/>
      <c r="AA69" s="971">
        <v>89</v>
      </c>
      <c r="AB69" s="971"/>
      <c r="AC69" s="971"/>
      <c r="AD69" s="971"/>
      <c r="AE69" s="971"/>
      <c r="AF69" s="971">
        <v>89</v>
      </c>
      <c r="AG69" s="971"/>
      <c r="AH69" s="971"/>
      <c r="AI69" s="971"/>
      <c r="AJ69" s="971"/>
      <c r="AK69" s="971">
        <v>13</v>
      </c>
      <c r="AL69" s="971"/>
      <c r="AM69" s="971"/>
      <c r="AN69" s="971"/>
      <c r="AO69" s="971"/>
      <c r="AP69" s="971" t="s">
        <v>578</v>
      </c>
      <c r="AQ69" s="971"/>
      <c r="AR69" s="971"/>
      <c r="AS69" s="971"/>
      <c r="AT69" s="971"/>
      <c r="AU69" s="971" t="s">
        <v>578</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81</v>
      </c>
      <c r="C70" s="975"/>
      <c r="D70" s="975"/>
      <c r="E70" s="975"/>
      <c r="F70" s="975"/>
      <c r="G70" s="975"/>
      <c r="H70" s="975"/>
      <c r="I70" s="975"/>
      <c r="J70" s="975"/>
      <c r="K70" s="975"/>
      <c r="L70" s="975"/>
      <c r="M70" s="975"/>
      <c r="N70" s="975"/>
      <c r="O70" s="975"/>
      <c r="P70" s="976"/>
      <c r="Q70" s="977">
        <v>4818</v>
      </c>
      <c r="R70" s="971"/>
      <c r="S70" s="971"/>
      <c r="T70" s="971"/>
      <c r="U70" s="971"/>
      <c r="V70" s="971">
        <v>4560</v>
      </c>
      <c r="W70" s="971"/>
      <c r="X70" s="971"/>
      <c r="Y70" s="971"/>
      <c r="Z70" s="971"/>
      <c r="AA70" s="971">
        <v>258</v>
      </c>
      <c r="AB70" s="971"/>
      <c r="AC70" s="971"/>
      <c r="AD70" s="971"/>
      <c r="AE70" s="971"/>
      <c r="AF70" s="971">
        <v>258</v>
      </c>
      <c r="AG70" s="971"/>
      <c r="AH70" s="971"/>
      <c r="AI70" s="971"/>
      <c r="AJ70" s="971"/>
      <c r="AK70" s="971">
        <v>179</v>
      </c>
      <c r="AL70" s="971"/>
      <c r="AM70" s="971"/>
      <c r="AN70" s="971"/>
      <c r="AO70" s="971"/>
      <c r="AP70" s="971" t="s">
        <v>578</v>
      </c>
      <c r="AQ70" s="971"/>
      <c r="AR70" s="971"/>
      <c r="AS70" s="971"/>
      <c r="AT70" s="971"/>
      <c r="AU70" s="971" t="s">
        <v>578</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82</v>
      </c>
      <c r="C71" s="975"/>
      <c r="D71" s="975"/>
      <c r="E71" s="975"/>
      <c r="F71" s="975"/>
      <c r="G71" s="975"/>
      <c r="H71" s="975"/>
      <c r="I71" s="975"/>
      <c r="J71" s="975"/>
      <c r="K71" s="975"/>
      <c r="L71" s="975"/>
      <c r="M71" s="975"/>
      <c r="N71" s="975"/>
      <c r="O71" s="975"/>
      <c r="P71" s="976"/>
      <c r="Q71" s="977">
        <v>4</v>
      </c>
      <c r="R71" s="971"/>
      <c r="S71" s="971"/>
      <c r="T71" s="971"/>
      <c r="U71" s="971"/>
      <c r="V71" s="971">
        <v>3</v>
      </c>
      <c r="W71" s="971"/>
      <c r="X71" s="971"/>
      <c r="Y71" s="971"/>
      <c r="Z71" s="971"/>
      <c r="AA71" s="971">
        <v>1</v>
      </c>
      <c r="AB71" s="971"/>
      <c r="AC71" s="971"/>
      <c r="AD71" s="971"/>
      <c r="AE71" s="971"/>
      <c r="AF71" s="971">
        <v>1</v>
      </c>
      <c r="AG71" s="971"/>
      <c r="AH71" s="971"/>
      <c r="AI71" s="971"/>
      <c r="AJ71" s="971"/>
      <c r="AK71" s="971" t="s">
        <v>578</v>
      </c>
      <c r="AL71" s="971"/>
      <c r="AM71" s="971"/>
      <c r="AN71" s="971"/>
      <c r="AO71" s="971"/>
      <c r="AP71" s="971" t="s">
        <v>578</v>
      </c>
      <c r="AQ71" s="971"/>
      <c r="AR71" s="971"/>
      <c r="AS71" s="971"/>
      <c r="AT71" s="971"/>
      <c r="AU71" s="971" t="s">
        <v>578</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83</v>
      </c>
      <c r="C72" s="975"/>
      <c r="D72" s="975"/>
      <c r="E72" s="975"/>
      <c r="F72" s="975"/>
      <c r="G72" s="975"/>
      <c r="H72" s="975"/>
      <c r="I72" s="975"/>
      <c r="J72" s="975"/>
      <c r="K72" s="975"/>
      <c r="L72" s="975"/>
      <c r="M72" s="975"/>
      <c r="N72" s="975"/>
      <c r="O72" s="975"/>
      <c r="P72" s="976"/>
      <c r="Q72" s="978">
        <v>7352</v>
      </c>
      <c r="R72" s="979">
        <v>6933</v>
      </c>
      <c r="S72" s="979">
        <v>6933</v>
      </c>
      <c r="T72" s="979">
        <v>6933</v>
      </c>
      <c r="U72" s="980">
        <v>6933</v>
      </c>
      <c r="V72" s="981">
        <v>7276</v>
      </c>
      <c r="W72" s="979">
        <v>6850</v>
      </c>
      <c r="X72" s="979">
        <v>6850</v>
      </c>
      <c r="Y72" s="979">
        <v>6850</v>
      </c>
      <c r="Z72" s="980">
        <v>6850</v>
      </c>
      <c r="AA72" s="981">
        <v>76</v>
      </c>
      <c r="AB72" s="979">
        <v>82</v>
      </c>
      <c r="AC72" s="979">
        <v>82</v>
      </c>
      <c r="AD72" s="979">
        <v>82</v>
      </c>
      <c r="AE72" s="980">
        <v>82</v>
      </c>
      <c r="AF72" s="981">
        <v>76</v>
      </c>
      <c r="AG72" s="979">
        <v>82</v>
      </c>
      <c r="AH72" s="979">
        <v>82</v>
      </c>
      <c r="AI72" s="979">
        <v>82</v>
      </c>
      <c r="AJ72" s="980">
        <v>82</v>
      </c>
      <c r="AK72" s="981">
        <v>3086</v>
      </c>
      <c r="AL72" s="979">
        <v>2485</v>
      </c>
      <c r="AM72" s="979">
        <v>2485</v>
      </c>
      <c r="AN72" s="979">
        <v>2485</v>
      </c>
      <c r="AO72" s="980">
        <v>2485</v>
      </c>
      <c r="AP72" s="971" t="s">
        <v>578</v>
      </c>
      <c r="AQ72" s="971"/>
      <c r="AR72" s="971"/>
      <c r="AS72" s="971"/>
      <c r="AT72" s="971"/>
      <c r="AU72" s="971" t="s">
        <v>578</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84</v>
      </c>
      <c r="C73" s="975"/>
      <c r="D73" s="975"/>
      <c r="E73" s="975"/>
      <c r="F73" s="975"/>
      <c r="G73" s="975"/>
      <c r="H73" s="975"/>
      <c r="I73" s="975"/>
      <c r="J73" s="975"/>
      <c r="K73" s="975"/>
      <c r="L73" s="975"/>
      <c r="M73" s="975"/>
      <c r="N73" s="975"/>
      <c r="O73" s="975"/>
      <c r="P73" s="976"/>
      <c r="Q73" s="978">
        <v>1524702</v>
      </c>
      <c r="R73" s="979">
        <v>1385861</v>
      </c>
      <c r="S73" s="979">
        <v>1385861</v>
      </c>
      <c r="T73" s="979">
        <v>1385861</v>
      </c>
      <c r="U73" s="980">
        <v>1385861</v>
      </c>
      <c r="V73" s="981">
        <v>1496148</v>
      </c>
      <c r="W73" s="979">
        <v>1346246</v>
      </c>
      <c r="X73" s="979">
        <v>1346246</v>
      </c>
      <c r="Y73" s="979">
        <v>1346246</v>
      </c>
      <c r="Z73" s="980">
        <v>1346246</v>
      </c>
      <c r="AA73" s="981">
        <v>28554</v>
      </c>
      <c r="AB73" s="979">
        <v>39615</v>
      </c>
      <c r="AC73" s="979">
        <v>39615</v>
      </c>
      <c r="AD73" s="979">
        <v>39615</v>
      </c>
      <c r="AE73" s="980">
        <v>39615</v>
      </c>
      <c r="AF73" s="981">
        <v>28554</v>
      </c>
      <c r="AG73" s="979">
        <v>39615</v>
      </c>
      <c r="AH73" s="979">
        <v>39615</v>
      </c>
      <c r="AI73" s="979">
        <v>39615</v>
      </c>
      <c r="AJ73" s="980">
        <v>39615</v>
      </c>
      <c r="AK73" s="981">
        <v>15234</v>
      </c>
      <c r="AL73" s="979"/>
      <c r="AM73" s="979"/>
      <c r="AN73" s="979"/>
      <c r="AO73" s="980"/>
      <c r="AP73" s="971" t="s">
        <v>578</v>
      </c>
      <c r="AQ73" s="971"/>
      <c r="AR73" s="971"/>
      <c r="AS73" s="971"/>
      <c r="AT73" s="971"/>
      <c r="AU73" s="971" t="s">
        <v>578</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85</v>
      </c>
      <c r="C74" s="975"/>
      <c r="D74" s="975"/>
      <c r="E74" s="975"/>
      <c r="F74" s="975"/>
      <c r="G74" s="975"/>
      <c r="H74" s="975"/>
      <c r="I74" s="975"/>
      <c r="J74" s="975"/>
      <c r="K74" s="975"/>
      <c r="L74" s="975"/>
      <c r="M74" s="975"/>
      <c r="N74" s="975"/>
      <c r="O74" s="975"/>
      <c r="P74" s="976"/>
      <c r="Q74" s="977">
        <v>1396</v>
      </c>
      <c r="R74" s="971"/>
      <c r="S74" s="971"/>
      <c r="T74" s="971"/>
      <c r="U74" s="971"/>
      <c r="V74" s="971">
        <v>1350</v>
      </c>
      <c r="W74" s="971"/>
      <c r="X74" s="971"/>
      <c r="Y74" s="971"/>
      <c r="Z74" s="971"/>
      <c r="AA74" s="971">
        <v>46</v>
      </c>
      <c r="AB74" s="971"/>
      <c r="AC74" s="971"/>
      <c r="AD74" s="971"/>
      <c r="AE74" s="971"/>
      <c r="AF74" s="971">
        <v>46</v>
      </c>
      <c r="AG74" s="971"/>
      <c r="AH74" s="971"/>
      <c r="AI74" s="971"/>
      <c r="AJ74" s="971"/>
      <c r="AK74" s="971" t="s">
        <v>578</v>
      </c>
      <c r="AL74" s="971"/>
      <c r="AM74" s="971"/>
      <c r="AN74" s="971"/>
      <c r="AO74" s="971"/>
      <c r="AP74" s="971">
        <v>3073</v>
      </c>
      <c r="AQ74" s="971"/>
      <c r="AR74" s="971"/>
      <c r="AS74" s="971"/>
      <c r="AT74" s="971"/>
      <c r="AU74" s="971">
        <v>252</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586</v>
      </c>
      <c r="C75" s="975"/>
      <c r="D75" s="975"/>
      <c r="E75" s="975"/>
      <c r="F75" s="975"/>
      <c r="G75" s="975"/>
      <c r="H75" s="975"/>
      <c r="I75" s="975"/>
      <c r="J75" s="975"/>
      <c r="K75" s="975"/>
      <c r="L75" s="975"/>
      <c r="M75" s="975"/>
      <c r="N75" s="975"/>
      <c r="O75" s="975"/>
      <c r="P75" s="976"/>
      <c r="Q75" s="978">
        <v>249</v>
      </c>
      <c r="R75" s="979"/>
      <c r="S75" s="979"/>
      <c r="T75" s="979"/>
      <c r="U75" s="980"/>
      <c r="V75" s="981">
        <v>225</v>
      </c>
      <c r="W75" s="979"/>
      <c r="X75" s="979"/>
      <c r="Y75" s="979"/>
      <c r="Z75" s="980"/>
      <c r="AA75" s="981">
        <v>23</v>
      </c>
      <c r="AB75" s="979"/>
      <c r="AC75" s="979"/>
      <c r="AD75" s="979"/>
      <c r="AE75" s="980"/>
      <c r="AF75" s="981">
        <v>23</v>
      </c>
      <c r="AG75" s="979"/>
      <c r="AH75" s="979"/>
      <c r="AI75" s="979"/>
      <c r="AJ75" s="980"/>
      <c r="AK75" s="981" t="s">
        <v>578</v>
      </c>
      <c r="AL75" s="979"/>
      <c r="AM75" s="979"/>
      <c r="AN75" s="979"/>
      <c r="AO75" s="980"/>
      <c r="AP75" s="981">
        <v>118</v>
      </c>
      <c r="AQ75" s="979"/>
      <c r="AR75" s="979"/>
      <c r="AS75" s="979"/>
      <c r="AT75" s="980"/>
      <c r="AU75" s="981">
        <v>11</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c r="C76" s="975"/>
      <c r="D76" s="975"/>
      <c r="E76" s="975"/>
      <c r="F76" s="975"/>
      <c r="G76" s="975"/>
      <c r="H76" s="975"/>
      <c r="I76" s="975"/>
      <c r="J76" s="975"/>
      <c r="K76" s="975"/>
      <c r="L76" s="975"/>
      <c r="M76" s="975"/>
      <c r="N76" s="975"/>
      <c r="O76" s="975"/>
      <c r="P76" s="976"/>
      <c r="Q76" s="978"/>
      <c r="R76" s="979"/>
      <c r="S76" s="979"/>
      <c r="T76" s="979"/>
      <c r="U76" s="980"/>
      <c r="V76" s="981"/>
      <c r="W76" s="979"/>
      <c r="X76" s="979"/>
      <c r="Y76" s="979"/>
      <c r="Z76" s="980"/>
      <c r="AA76" s="981"/>
      <c r="AB76" s="979"/>
      <c r="AC76" s="979"/>
      <c r="AD76" s="979"/>
      <c r="AE76" s="980"/>
      <c r="AF76" s="981"/>
      <c r="AG76" s="979"/>
      <c r="AH76" s="979"/>
      <c r="AI76" s="979"/>
      <c r="AJ76" s="980"/>
      <c r="AK76" s="981"/>
      <c r="AL76" s="979"/>
      <c r="AM76" s="979"/>
      <c r="AN76" s="979"/>
      <c r="AO76" s="980"/>
      <c r="AP76" s="981"/>
      <c r="AQ76" s="979"/>
      <c r="AR76" s="979"/>
      <c r="AS76" s="979"/>
      <c r="AT76" s="980"/>
      <c r="AU76" s="981"/>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1</v>
      </c>
      <c r="B88" s="937" t="s">
        <v>420</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187855</v>
      </c>
      <c r="AG88" s="959"/>
      <c r="AH88" s="959"/>
      <c r="AI88" s="959"/>
      <c r="AJ88" s="959"/>
      <c r="AK88" s="963"/>
      <c r="AL88" s="963"/>
      <c r="AM88" s="963"/>
      <c r="AN88" s="963"/>
      <c r="AO88" s="963"/>
      <c r="AP88" s="959">
        <v>3191</v>
      </c>
      <c r="AQ88" s="959"/>
      <c r="AR88" s="959"/>
      <c r="AS88" s="959"/>
      <c r="AT88" s="959"/>
      <c r="AU88" s="959">
        <v>263</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1</v>
      </c>
      <c r="BR102" s="937" t="s">
        <v>421</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266</v>
      </c>
      <c r="CS102" s="953"/>
      <c r="CT102" s="953"/>
      <c r="CU102" s="953"/>
      <c r="CV102" s="954"/>
      <c r="CW102" s="952">
        <v>87</v>
      </c>
      <c r="CX102" s="953"/>
      <c r="CY102" s="953"/>
      <c r="CZ102" s="953"/>
      <c r="DA102" s="954"/>
      <c r="DB102" s="952" t="s">
        <v>578</v>
      </c>
      <c r="DC102" s="953"/>
      <c r="DD102" s="953"/>
      <c r="DE102" s="953"/>
      <c r="DF102" s="954"/>
      <c r="DG102" s="952" t="s">
        <v>578</v>
      </c>
      <c r="DH102" s="953"/>
      <c r="DI102" s="953"/>
      <c r="DJ102" s="953"/>
      <c r="DK102" s="954"/>
      <c r="DL102" s="952" t="s">
        <v>578</v>
      </c>
      <c r="DM102" s="953"/>
      <c r="DN102" s="953"/>
      <c r="DO102" s="953"/>
      <c r="DP102" s="954"/>
      <c r="DQ102" s="952" t="s">
        <v>578</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2</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3</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6</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7</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28</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9</v>
      </c>
      <c r="AB109" s="896"/>
      <c r="AC109" s="896"/>
      <c r="AD109" s="896"/>
      <c r="AE109" s="897"/>
      <c r="AF109" s="898" t="s">
        <v>430</v>
      </c>
      <c r="AG109" s="896"/>
      <c r="AH109" s="896"/>
      <c r="AI109" s="896"/>
      <c r="AJ109" s="897"/>
      <c r="AK109" s="898" t="s">
        <v>307</v>
      </c>
      <c r="AL109" s="896"/>
      <c r="AM109" s="896"/>
      <c r="AN109" s="896"/>
      <c r="AO109" s="897"/>
      <c r="AP109" s="898" t="s">
        <v>431</v>
      </c>
      <c r="AQ109" s="896"/>
      <c r="AR109" s="896"/>
      <c r="AS109" s="896"/>
      <c r="AT109" s="929"/>
      <c r="AU109" s="895" t="s">
        <v>428</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9</v>
      </c>
      <c r="BR109" s="896"/>
      <c r="BS109" s="896"/>
      <c r="BT109" s="896"/>
      <c r="BU109" s="897"/>
      <c r="BV109" s="898" t="s">
        <v>430</v>
      </c>
      <c r="BW109" s="896"/>
      <c r="BX109" s="896"/>
      <c r="BY109" s="896"/>
      <c r="BZ109" s="897"/>
      <c r="CA109" s="898" t="s">
        <v>307</v>
      </c>
      <c r="CB109" s="896"/>
      <c r="CC109" s="896"/>
      <c r="CD109" s="896"/>
      <c r="CE109" s="897"/>
      <c r="CF109" s="936" t="s">
        <v>431</v>
      </c>
      <c r="CG109" s="936"/>
      <c r="CH109" s="936"/>
      <c r="CI109" s="936"/>
      <c r="CJ109" s="936"/>
      <c r="CK109" s="898" t="s">
        <v>432</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9</v>
      </c>
      <c r="DH109" s="896"/>
      <c r="DI109" s="896"/>
      <c r="DJ109" s="896"/>
      <c r="DK109" s="897"/>
      <c r="DL109" s="898" t="s">
        <v>430</v>
      </c>
      <c r="DM109" s="896"/>
      <c r="DN109" s="896"/>
      <c r="DO109" s="896"/>
      <c r="DP109" s="897"/>
      <c r="DQ109" s="898" t="s">
        <v>307</v>
      </c>
      <c r="DR109" s="896"/>
      <c r="DS109" s="896"/>
      <c r="DT109" s="896"/>
      <c r="DU109" s="897"/>
      <c r="DV109" s="898" t="s">
        <v>431</v>
      </c>
      <c r="DW109" s="896"/>
      <c r="DX109" s="896"/>
      <c r="DY109" s="896"/>
      <c r="DZ109" s="929"/>
    </row>
    <row r="110" spans="1:131" s="230" customFormat="1" ht="26.25" customHeight="1" x14ac:dyDescent="0.2">
      <c r="A110" s="807" t="s">
        <v>433</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211492</v>
      </c>
      <c r="AB110" s="889"/>
      <c r="AC110" s="889"/>
      <c r="AD110" s="889"/>
      <c r="AE110" s="890"/>
      <c r="AF110" s="891">
        <v>211965</v>
      </c>
      <c r="AG110" s="889"/>
      <c r="AH110" s="889"/>
      <c r="AI110" s="889"/>
      <c r="AJ110" s="890"/>
      <c r="AK110" s="891">
        <v>207926</v>
      </c>
      <c r="AL110" s="889"/>
      <c r="AM110" s="889"/>
      <c r="AN110" s="889"/>
      <c r="AO110" s="890"/>
      <c r="AP110" s="892">
        <v>8.6</v>
      </c>
      <c r="AQ110" s="893"/>
      <c r="AR110" s="893"/>
      <c r="AS110" s="893"/>
      <c r="AT110" s="894"/>
      <c r="AU110" s="930" t="s">
        <v>74</v>
      </c>
      <c r="AV110" s="931"/>
      <c r="AW110" s="931"/>
      <c r="AX110" s="931"/>
      <c r="AY110" s="931"/>
      <c r="AZ110" s="860" t="s">
        <v>434</v>
      </c>
      <c r="BA110" s="808"/>
      <c r="BB110" s="808"/>
      <c r="BC110" s="808"/>
      <c r="BD110" s="808"/>
      <c r="BE110" s="808"/>
      <c r="BF110" s="808"/>
      <c r="BG110" s="808"/>
      <c r="BH110" s="808"/>
      <c r="BI110" s="808"/>
      <c r="BJ110" s="808"/>
      <c r="BK110" s="808"/>
      <c r="BL110" s="808"/>
      <c r="BM110" s="808"/>
      <c r="BN110" s="808"/>
      <c r="BO110" s="808"/>
      <c r="BP110" s="809"/>
      <c r="BQ110" s="861">
        <v>1964788</v>
      </c>
      <c r="BR110" s="842"/>
      <c r="BS110" s="842"/>
      <c r="BT110" s="842"/>
      <c r="BU110" s="842"/>
      <c r="BV110" s="842">
        <v>1827781</v>
      </c>
      <c r="BW110" s="842"/>
      <c r="BX110" s="842"/>
      <c r="BY110" s="842"/>
      <c r="BZ110" s="842"/>
      <c r="CA110" s="842">
        <v>1652946</v>
      </c>
      <c r="CB110" s="842"/>
      <c r="CC110" s="842"/>
      <c r="CD110" s="842"/>
      <c r="CE110" s="842"/>
      <c r="CF110" s="866">
        <v>68</v>
      </c>
      <c r="CG110" s="867"/>
      <c r="CH110" s="867"/>
      <c r="CI110" s="867"/>
      <c r="CJ110" s="867"/>
      <c r="CK110" s="926" t="s">
        <v>435</v>
      </c>
      <c r="CL110" s="819"/>
      <c r="CM110" s="860" t="s">
        <v>436</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130</v>
      </c>
      <c r="DH110" s="842"/>
      <c r="DI110" s="842"/>
      <c r="DJ110" s="842"/>
      <c r="DK110" s="842"/>
      <c r="DL110" s="842" t="s">
        <v>130</v>
      </c>
      <c r="DM110" s="842"/>
      <c r="DN110" s="842"/>
      <c r="DO110" s="842"/>
      <c r="DP110" s="842"/>
      <c r="DQ110" s="842" t="s">
        <v>130</v>
      </c>
      <c r="DR110" s="842"/>
      <c r="DS110" s="842"/>
      <c r="DT110" s="842"/>
      <c r="DU110" s="842"/>
      <c r="DV110" s="843" t="s">
        <v>130</v>
      </c>
      <c r="DW110" s="843"/>
      <c r="DX110" s="843"/>
      <c r="DY110" s="843"/>
      <c r="DZ110" s="844"/>
    </row>
    <row r="111" spans="1:131" s="230" customFormat="1" ht="26.25" customHeight="1" x14ac:dyDescent="0.2">
      <c r="A111" s="774" t="s">
        <v>437</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438</v>
      </c>
      <c r="AB111" s="919"/>
      <c r="AC111" s="919"/>
      <c r="AD111" s="919"/>
      <c r="AE111" s="920"/>
      <c r="AF111" s="921" t="s">
        <v>438</v>
      </c>
      <c r="AG111" s="919"/>
      <c r="AH111" s="919"/>
      <c r="AI111" s="919"/>
      <c r="AJ111" s="920"/>
      <c r="AK111" s="921" t="s">
        <v>130</v>
      </c>
      <c r="AL111" s="919"/>
      <c r="AM111" s="919"/>
      <c r="AN111" s="919"/>
      <c r="AO111" s="920"/>
      <c r="AP111" s="922" t="s">
        <v>438</v>
      </c>
      <c r="AQ111" s="923"/>
      <c r="AR111" s="923"/>
      <c r="AS111" s="923"/>
      <c r="AT111" s="924"/>
      <c r="AU111" s="932"/>
      <c r="AV111" s="933"/>
      <c r="AW111" s="933"/>
      <c r="AX111" s="933"/>
      <c r="AY111" s="933"/>
      <c r="AZ111" s="815" t="s">
        <v>439</v>
      </c>
      <c r="BA111" s="752"/>
      <c r="BB111" s="752"/>
      <c r="BC111" s="752"/>
      <c r="BD111" s="752"/>
      <c r="BE111" s="752"/>
      <c r="BF111" s="752"/>
      <c r="BG111" s="752"/>
      <c r="BH111" s="752"/>
      <c r="BI111" s="752"/>
      <c r="BJ111" s="752"/>
      <c r="BK111" s="752"/>
      <c r="BL111" s="752"/>
      <c r="BM111" s="752"/>
      <c r="BN111" s="752"/>
      <c r="BO111" s="752"/>
      <c r="BP111" s="753"/>
      <c r="BQ111" s="816" t="s">
        <v>438</v>
      </c>
      <c r="BR111" s="817"/>
      <c r="BS111" s="817"/>
      <c r="BT111" s="817"/>
      <c r="BU111" s="817"/>
      <c r="BV111" s="817" t="s">
        <v>393</v>
      </c>
      <c r="BW111" s="817"/>
      <c r="BX111" s="817"/>
      <c r="BY111" s="817"/>
      <c r="BZ111" s="817"/>
      <c r="CA111" s="817" t="s">
        <v>438</v>
      </c>
      <c r="CB111" s="817"/>
      <c r="CC111" s="817"/>
      <c r="CD111" s="817"/>
      <c r="CE111" s="817"/>
      <c r="CF111" s="875" t="s">
        <v>438</v>
      </c>
      <c r="CG111" s="876"/>
      <c r="CH111" s="876"/>
      <c r="CI111" s="876"/>
      <c r="CJ111" s="876"/>
      <c r="CK111" s="927"/>
      <c r="CL111" s="821"/>
      <c r="CM111" s="815" t="s">
        <v>440</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30</v>
      </c>
      <c r="DH111" s="817"/>
      <c r="DI111" s="817"/>
      <c r="DJ111" s="817"/>
      <c r="DK111" s="817"/>
      <c r="DL111" s="817" t="s">
        <v>438</v>
      </c>
      <c r="DM111" s="817"/>
      <c r="DN111" s="817"/>
      <c r="DO111" s="817"/>
      <c r="DP111" s="817"/>
      <c r="DQ111" s="817" t="s">
        <v>438</v>
      </c>
      <c r="DR111" s="817"/>
      <c r="DS111" s="817"/>
      <c r="DT111" s="817"/>
      <c r="DU111" s="817"/>
      <c r="DV111" s="794" t="s">
        <v>130</v>
      </c>
      <c r="DW111" s="794"/>
      <c r="DX111" s="794"/>
      <c r="DY111" s="794"/>
      <c r="DZ111" s="795"/>
    </row>
    <row r="112" spans="1:131" s="230" customFormat="1" ht="26.25" customHeight="1" x14ac:dyDescent="0.2">
      <c r="A112" s="912" t="s">
        <v>441</v>
      </c>
      <c r="B112" s="913"/>
      <c r="C112" s="752" t="s">
        <v>442</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38</v>
      </c>
      <c r="AB112" s="780"/>
      <c r="AC112" s="780"/>
      <c r="AD112" s="780"/>
      <c r="AE112" s="781"/>
      <c r="AF112" s="782" t="s">
        <v>130</v>
      </c>
      <c r="AG112" s="780"/>
      <c r="AH112" s="780"/>
      <c r="AI112" s="780"/>
      <c r="AJ112" s="781"/>
      <c r="AK112" s="782" t="s">
        <v>130</v>
      </c>
      <c r="AL112" s="780"/>
      <c r="AM112" s="780"/>
      <c r="AN112" s="780"/>
      <c r="AO112" s="781"/>
      <c r="AP112" s="824" t="s">
        <v>130</v>
      </c>
      <c r="AQ112" s="825"/>
      <c r="AR112" s="825"/>
      <c r="AS112" s="825"/>
      <c r="AT112" s="826"/>
      <c r="AU112" s="932"/>
      <c r="AV112" s="933"/>
      <c r="AW112" s="933"/>
      <c r="AX112" s="933"/>
      <c r="AY112" s="933"/>
      <c r="AZ112" s="815" t="s">
        <v>443</v>
      </c>
      <c r="BA112" s="752"/>
      <c r="BB112" s="752"/>
      <c r="BC112" s="752"/>
      <c r="BD112" s="752"/>
      <c r="BE112" s="752"/>
      <c r="BF112" s="752"/>
      <c r="BG112" s="752"/>
      <c r="BH112" s="752"/>
      <c r="BI112" s="752"/>
      <c r="BJ112" s="752"/>
      <c r="BK112" s="752"/>
      <c r="BL112" s="752"/>
      <c r="BM112" s="752"/>
      <c r="BN112" s="752"/>
      <c r="BO112" s="752"/>
      <c r="BP112" s="753"/>
      <c r="BQ112" s="816">
        <v>3130061</v>
      </c>
      <c r="BR112" s="817"/>
      <c r="BS112" s="817"/>
      <c r="BT112" s="817"/>
      <c r="BU112" s="817"/>
      <c r="BV112" s="817">
        <v>2868200</v>
      </c>
      <c r="BW112" s="817"/>
      <c r="BX112" s="817"/>
      <c r="BY112" s="817"/>
      <c r="BZ112" s="817"/>
      <c r="CA112" s="817">
        <v>2610016</v>
      </c>
      <c r="CB112" s="817"/>
      <c r="CC112" s="817"/>
      <c r="CD112" s="817"/>
      <c r="CE112" s="817"/>
      <c r="CF112" s="875">
        <v>107.4</v>
      </c>
      <c r="CG112" s="876"/>
      <c r="CH112" s="876"/>
      <c r="CI112" s="876"/>
      <c r="CJ112" s="876"/>
      <c r="CK112" s="927"/>
      <c r="CL112" s="821"/>
      <c r="CM112" s="815" t="s">
        <v>444</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130</v>
      </c>
      <c r="DH112" s="817"/>
      <c r="DI112" s="817"/>
      <c r="DJ112" s="817"/>
      <c r="DK112" s="817"/>
      <c r="DL112" s="817" t="s">
        <v>130</v>
      </c>
      <c r="DM112" s="817"/>
      <c r="DN112" s="817"/>
      <c r="DO112" s="817"/>
      <c r="DP112" s="817"/>
      <c r="DQ112" s="817" t="s">
        <v>445</v>
      </c>
      <c r="DR112" s="817"/>
      <c r="DS112" s="817"/>
      <c r="DT112" s="817"/>
      <c r="DU112" s="817"/>
      <c r="DV112" s="794" t="s">
        <v>438</v>
      </c>
      <c r="DW112" s="794"/>
      <c r="DX112" s="794"/>
      <c r="DY112" s="794"/>
      <c r="DZ112" s="795"/>
    </row>
    <row r="113" spans="1:130" s="230" customFormat="1" ht="26.25" customHeight="1" x14ac:dyDescent="0.2">
      <c r="A113" s="914"/>
      <c r="B113" s="915"/>
      <c r="C113" s="752" t="s">
        <v>446</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349731</v>
      </c>
      <c r="AB113" s="919"/>
      <c r="AC113" s="919"/>
      <c r="AD113" s="919"/>
      <c r="AE113" s="920"/>
      <c r="AF113" s="921">
        <v>351595</v>
      </c>
      <c r="AG113" s="919"/>
      <c r="AH113" s="919"/>
      <c r="AI113" s="919"/>
      <c r="AJ113" s="920"/>
      <c r="AK113" s="921">
        <v>335361</v>
      </c>
      <c r="AL113" s="919"/>
      <c r="AM113" s="919"/>
      <c r="AN113" s="919"/>
      <c r="AO113" s="920"/>
      <c r="AP113" s="922">
        <v>13.8</v>
      </c>
      <c r="AQ113" s="923"/>
      <c r="AR113" s="923"/>
      <c r="AS113" s="923"/>
      <c r="AT113" s="924"/>
      <c r="AU113" s="932"/>
      <c r="AV113" s="933"/>
      <c r="AW113" s="933"/>
      <c r="AX113" s="933"/>
      <c r="AY113" s="933"/>
      <c r="AZ113" s="815" t="s">
        <v>447</v>
      </c>
      <c r="BA113" s="752"/>
      <c r="BB113" s="752"/>
      <c r="BC113" s="752"/>
      <c r="BD113" s="752"/>
      <c r="BE113" s="752"/>
      <c r="BF113" s="752"/>
      <c r="BG113" s="752"/>
      <c r="BH113" s="752"/>
      <c r="BI113" s="752"/>
      <c r="BJ113" s="752"/>
      <c r="BK113" s="752"/>
      <c r="BL113" s="752"/>
      <c r="BM113" s="752"/>
      <c r="BN113" s="752"/>
      <c r="BO113" s="752"/>
      <c r="BP113" s="753"/>
      <c r="BQ113" s="816">
        <v>342156</v>
      </c>
      <c r="BR113" s="817"/>
      <c r="BS113" s="817"/>
      <c r="BT113" s="817"/>
      <c r="BU113" s="817"/>
      <c r="BV113" s="817">
        <v>296536</v>
      </c>
      <c r="BW113" s="817"/>
      <c r="BX113" s="817"/>
      <c r="BY113" s="817"/>
      <c r="BZ113" s="817"/>
      <c r="CA113" s="817">
        <v>263305</v>
      </c>
      <c r="CB113" s="817"/>
      <c r="CC113" s="817"/>
      <c r="CD113" s="817"/>
      <c r="CE113" s="817"/>
      <c r="CF113" s="875">
        <v>10.8</v>
      </c>
      <c r="CG113" s="876"/>
      <c r="CH113" s="876"/>
      <c r="CI113" s="876"/>
      <c r="CJ113" s="876"/>
      <c r="CK113" s="927"/>
      <c r="CL113" s="821"/>
      <c r="CM113" s="815" t="s">
        <v>448</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130</v>
      </c>
      <c r="DH113" s="780"/>
      <c r="DI113" s="780"/>
      <c r="DJ113" s="780"/>
      <c r="DK113" s="781"/>
      <c r="DL113" s="782" t="s">
        <v>130</v>
      </c>
      <c r="DM113" s="780"/>
      <c r="DN113" s="780"/>
      <c r="DO113" s="780"/>
      <c r="DP113" s="781"/>
      <c r="DQ113" s="782" t="s">
        <v>130</v>
      </c>
      <c r="DR113" s="780"/>
      <c r="DS113" s="780"/>
      <c r="DT113" s="780"/>
      <c r="DU113" s="781"/>
      <c r="DV113" s="824" t="s">
        <v>438</v>
      </c>
      <c r="DW113" s="825"/>
      <c r="DX113" s="825"/>
      <c r="DY113" s="825"/>
      <c r="DZ113" s="826"/>
    </row>
    <row r="114" spans="1:130" s="230" customFormat="1" ht="26.25" customHeight="1" x14ac:dyDescent="0.2">
      <c r="A114" s="914"/>
      <c r="B114" s="915"/>
      <c r="C114" s="752" t="s">
        <v>449</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30523</v>
      </c>
      <c r="AB114" s="780"/>
      <c r="AC114" s="780"/>
      <c r="AD114" s="780"/>
      <c r="AE114" s="781"/>
      <c r="AF114" s="782">
        <v>35229</v>
      </c>
      <c r="AG114" s="780"/>
      <c r="AH114" s="780"/>
      <c r="AI114" s="780"/>
      <c r="AJ114" s="781"/>
      <c r="AK114" s="782">
        <v>38356</v>
      </c>
      <c r="AL114" s="780"/>
      <c r="AM114" s="780"/>
      <c r="AN114" s="780"/>
      <c r="AO114" s="781"/>
      <c r="AP114" s="824">
        <v>1.6</v>
      </c>
      <c r="AQ114" s="825"/>
      <c r="AR114" s="825"/>
      <c r="AS114" s="825"/>
      <c r="AT114" s="826"/>
      <c r="AU114" s="932"/>
      <c r="AV114" s="933"/>
      <c r="AW114" s="933"/>
      <c r="AX114" s="933"/>
      <c r="AY114" s="933"/>
      <c r="AZ114" s="815" t="s">
        <v>450</v>
      </c>
      <c r="BA114" s="752"/>
      <c r="BB114" s="752"/>
      <c r="BC114" s="752"/>
      <c r="BD114" s="752"/>
      <c r="BE114" s="752"/>
      <c r="BF114" s="752"/>
      <c r="BG114" s="752"/>
      <c r="BH114" s="752"/>
      <c r="BI114" s="752"/>
      <c r="BJ114" s="752"/>
      <c r="BK114" s="752"/>
      <c r="BL114" s="752"/>
      <c r="BM114" s="752"/>
      <c r="BN114" s="752"/>
      <c r="BO114" s="752"/>
      <c r="BP114" s="753"/>
      <c r="BQ114" s="816">
        <v>1223700</v>
      </c>
      <c r="BR114" s="817"/>
      <c r="BS114" s="817"/>
      <c r="BT114" s="817"/>
      <c r="BU114" s="817"/>
      <c r="BV114" s="817">
        <v>1234337</v>
      </c>
      <c r="BW114" s="817"/>
      <c r="BX114" s="817"/>
      <c r="BY114" s="817"/>
      <c r="BZ114" s="817"/>
      <c r="CA114" s="817">
        <v>1236684</v>
      </c>
      <c r="CB114" s="817"/>
      <c r="CC114" s="817"/>
      <c r="CD114" s="817"/>
      <c r="CE114" s="817"/>
      <c r="CF114" s="875">
        <v>50.9</v>
      </c>
      <c r="CG114" s="876"/>
      <c r="CH114" s="876"/>
      <c r="CI114" s="876"/>
      <c r="CJ114" s="876"/>
      <c r="CK114" s="927"/>
      <c r="CL114" s="821"/>
      <c r="CM114" s="815" t="s">
        <v>451</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38</v>
      </c>
      <c r="DH114" s="780"/>
      <c r="DI114" s="780"/>
      <c r="DJ114" s="780"/>
      <c r="DK114" s="781"/>
      <c r="DL114" s="782" t="s">
        <v>130</v>
      </c>
      <c r="DM114" s="780"/>
      <c r="DN114" s="780"/>
      <c r="DO114" s="780"/>
      <c r="DP114" s="781"/>
      <c r="DQ114" s="782" t="s">
        <v>130</v>
      </c>
      <c r="DR114" s="780"/>
      <c r="DS114" s="780"/>
      <c r="DT114" s="780"/>
      <c r="DU114" s="781"/>
      <c r="DV114" s="824" t="s">
        <v>445</v>
      </c>
      <c r="DW114" s="825"/>
      <c r="DX114" s="825"/>
      <c r="DY114" s="825"/>
      <c r="DZ114" s="826"/>
    </row>
    <row r="115" spans="1:130" s="230" customFormat="1" ht="26.25" customHeight="1" x14ac:dyDescent="0.2">
      <c r="A115" s="914"/>
      <c r="B115" s="915"/>
      <c r="C115" s="752" t="s">
        <v>452</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t="s">
        <v>438</v>
      </c>
      <c r="AB115" s="919"/>
      <c r="AC115" s="919"/>
      <c r="AD115" s="919"/>
      <c r="AE115" s="920"/>
      <c r="AF115" s="921" t="s">
        <v>438</v>
      </c>
      <c r="AG115" s="919"/>
      <c r="AH115" s="919"/>
      <c r="AI115" s="919"/>
      <c r="AJ115" s="920"/>
      <c r="AK115" s="921" t="s">
        <v>393</v>
      </c>
      <c r="AL115" s="919"/>
      <c r="AM115" s="919"/>
      <c r="AN115" s="919"/>
      <c r="AO115" s="920"/>
      <c r="AP115" s="922" t="s">
        <v>130</v>
      </c>
      <c r="AQ115" s="923"/>
      <c r="AR115" s="923"/>
      <c r="AS115" s="923"/>
      <c r="AT115" s="924"/>
      <c r="AU115" s="932"/>
      <c r="AV115" s="933"/>
      <c r="AW115" s="933"/>
      <c r="AX115" s="933"/>
      <c r="AY115" s="933"/>
      <c r="AZ115" s="815" t="s">
        <v>453</v>
      </c>
      <c r="BA115" s="752"/>
      <c r="BB115" s="752"/>
      <c r="BC115" s="752"/>
      <c r="BD115" s="752"/>
      <c r="BE115" s="752"/>
      <c r="BF115" s="752"/>
      <c r="BG115" s="752"/>
      <c r="BH115" s="752"/>
      <c r="BI115" s="752"/>
      <c r="BJ115" s="752"/>
      <c r="BK115" s="752"/>
      <c r="BL115" s="752"/>
      <c r="BM115" s="752"/>
      <c r="BN115" s="752"/>
      <c r="BO115" s="752"/>
      <c r="BP115" s="753"/>
      <c r="BQ115" s="816" t="s">
        <v>130</v>
      </c>
      <c r="BR115" s="817"/>
      <c r="BS115" s="817"/>
      <c r="BT115" s="817"/>
      <c r="BU115" s="817"/>
      <c r="BV115" s="817" t="s">
        <v>438</v>
      </c>
      <c r="BW115" s="817"/>
      <c r="BX115" s="817"/>
      <c r="BY115" s="817"/>
      <c r="BZ115" s="817"/>
      <c r="CA115" s="817" t="s">
        <v>438</v>
      </c>
      <c r="CB115" s="817"/>
      <c r="CC115" s="817"/>
      <c r="CD115" s="817"/>
      <c r="CE115" s="817"/>
      <c r="CF115" s="875" t="s">
        <v>130</v>
      </c>
      <c r="CG115" s="876"/>
      <c r="CH115" s="876"/>
      <c r="CI115" s="876"/>
      <c r="CJ115" s="876"/>
      <c r="CK115" s="927"/>
      <c r="CL115" s="821"/>
      <c r="CM115" s="815" t="s">
        <v>454</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438</v>
      </c>
      <c r="DH115" s="780"/>
      <c r="DI115" s="780"/>
      <c r="DJ115" s="780"/>
      <c r="DK115" s="781"/>
      <c r="DL115" s="782" t="s">
        <v>438</v>
      </c>
      <c r="DM115" s="780"/>
      <c r="DN115" s="780"/>
      <c r="DO115" s="780"/>
      <c r="DP115" s="781"/>
      <c r="DQ115" s="782" t="s">
        <v>438</v>
      </c>
      <c r="DR115" s="780"/>
      <c r="DS115" s="780"/>
      <c r="DT115" s="780"/>
      <c r="DU115" s="781"/>
      <c r="DV115" s="824" t="s">
        <v>438</v>
      </c>
      <c r="DW115" s="825"/>
      <c r="DX115" s="825"/>
      <c r="DY115" s="825"/>
      <c r="DZ115" s="826"/>
    </row>
    <row r="116" spans="1:130" s="230" customFormat="1" ht="26.25" customHeight="1" x14ac:dyDescent="0.2">
      <c r="A116" s="916"/>
      <c r="B116" s="917"/>
      <c r="C116" s="839" t="s">
        <v>455</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438</v>
      </c>
      <c r="AB116" s="780"/>
      <c r="AC116" s="780"/>
      <c r="AD116" s="780"/>
      <c r="AE116" s="781"/>
      <c r="AF116" s="782" t="s">
        <v>438</v>
      </c>
      <c r="AG116" s="780"/>
      <c r="AH116" s="780"/>
      <c r="AI116" s="780"/>
      <c r="AJ116" s="781"/>
      <c r="AK116" s="782" t="s">
        <v>438</v>
      </c>
      <c r="AL116" s="780"/>
      <c r="AM116" s="780"/>
      <c r="AN116" s="780"/>
      <c r="AO116" s="781"/>
      <c r="AP116" s="824" t="s">
        <v>130</v>
      </c>
      <c r="AQ116" s="825"/>
      <c r="AR116" s="825"/>
      <c r="AS116" s="825"/>
      <c r="AT116" s="826"/>
      <c r="AU116" s="932"/>
      <c r="AV116" s="933"/>
      <c r="AW116" s="933"/>
      <c r="AX116" s="933"/>
      <c r="AY116" s="933"/>
      <c r="AZ116" s="909" t="s">
        <v>456</v>
      </c>
      <c r="BA116" s="910"/>
      <c r="BB116" s="910"/>
      <c r="BC116" s="910"/>
      <c r="BD116" s="910"/>
      <c r="BE116" s="910"/>
      <c r="BF116" s="910"/>
      <c r="BG116" s="910"/>
      <c r="BH116" s="910"/>
      <c r="BI116" s="910"/>
      <c r="BJ116" s="910"/>
      <c r="BK116" s="910"/>
      <c r="BL116" s="910"/>
      <c r="BM116" s="910"/>
      <c r="BN116" s="910"/>
      <c r="BO116" s="910"/>
      <c r="BP116" s="911"/>
      <c r="BQ116" s="816" t="s">
        <v>393</v>
      </c>
      <c r="BR116" s="817"/>
      <c r="BS116" s="817"/>
      <c r="BT116" s="817"/>
      <c r="BU116" s="817"/>
      <c r="BV116" s="817" t="s">
        <v>130</v>
      </c>
      <c r="BW116" s="817"/>
      <c r="BX116" s="817"/>
      <c r="BY116" s="817"/>
      <c r="BZ116" s="817"/>
      <c r="CA116" s="817" t="s">
        <v>438</v>
      </c>
      <c r="CB116" s="817"/>
      <c r="CC116" s="817"/>
      <c r="CD116" s="817"/>
      <c r="CE116" s="817"/>
      <c r="CF116" s="875" t="s">
        <v>130</v>
      </c>
      <c r="CG116" s="876"/>
      <c r="CH116" s="876"/>
      <c r="CI116" s="876"/>
      <c r="CJ116" s="876"/>
      <c r="CK116" s="927"/>
      <c r="CL116" s="821"/>
      <c r="CM116" s="815" t="s">
        <v>457</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438</v>
      </c>
      <c r="DH116" s="780"/>
      <c r="DI116" s="780"/>
      <c r="DJ116" s="780"/>
      <c r="DK116" s="781"/>
      <c r="DL116" s="782" t="s">
        <v>438</v>
      </c>
      <c r="DM116" s="780"/>
      <c r="DN116" s="780"/>
      <c r="DO116" s="780"/>
      <c r="DP116" s="781"/>
      <c r="DQ116" s="782" t="s">
        <v>130</v>
      </c>
      <c r="DR116" s="780"/>
      <c r="DS116" s="780"/>
      <c r="DT116" s="780"/>
      <c r="DU116" s="781"/>
      <c r="DV116" s="824" t="s">
        <v>445</v>
      </c>
      <c r="DW116" s="825"/>
      <c r="DX116" s="825"/>
      <c r="DY116" s="825"/>
      <c r="DZ116" s="826"/>
    </row>
    <row r="117" spans="1:130" s="230" customFormat="1" ht="26.25" customHeight="1" x14ac:dyDescent="0.2">
      <c r="A117" s="895" t="s">
        <v>187</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8</v>
      </c>
      <c r="Z117" s="897"/>
      <c r="AA117" s="902">
        <v>591746</v>
      </c>
      <c r="AB117" s="903"/>
      <c r="AC117" s="903"/>
      <c r="AD117" s="903"/>
      <c r="AE117" s="904"/>
      <c r="AF117" s="905">
        <v>598789</v>
      </c>
      <c r="AG117" s="903"/>
      <c r="AH117" s="903"/>
      <c r="AI117" s="903"/>
      <c r="AJ117" s="904"/>
      <c r="AK117" s="905">
        <v>581643</v>
      </c>
      <c r="AL117" s="903"/>
      <c r="AM117" s="903"/>
      <c r="AN117" s="903"/>
      <c r="AO117" s="904"/>
      <c r="AP117" s="906"/>
      <c r="AQ117" s="907"/>
      <c r="AR117" s="907"/>
      <c r="AS117" s="907"/>
      <c r="AT117" s="908"/>
      <c r="AU117" s="932"/>
      <c r="AV117" s="933"/>
      <c r="AW117" s="933"/>
      <c r="AX117" s="933"/>
      <c r="AY117" s="933"/>
      <c r="AZ117" s="863" t="s">
        <v>459</v>
      </c>
      <c r="BA117" s="864"/>
      <c r="BB117" s="864"/>
      <c r="BC117" s="864"/>
      <c r="BD117" s="864"/>
      <c r="BE117" s="864"/>
      <c r="BF117" s="864"/>
      <c r="BG117" s="864"/>
      <c r="BH117" s="864"/>
      <c r="BI117" s="864"/>
      <c r="BJ117" s="864"/>
      <c r="BK117" s="864"/>
      <c r="BL117" s="864"/>
      <c r="BM117" s="864"/>
      <c r="BN117" s="864"/>
      <c r="BO117" s="864"/>
      <c r="BP117" s="865"/>
      <c r="BQ117" s="816" t="s">
        <v>438</v>
      </c>
      <c r="BR117" s="817"/>
      <c r="BS117" s="817"/>
      <c r="BT117" s="817"/>
      <c r="BU117" s="817"/>
      <c r="BV117" s="817" t="s">
        <v>445</v>
      </c>
      <c r="BW117" s="817"/>
      <c r="BX117" s="817"/>
      <c r="BY117" s="817"/>
      <c r="BZ117" s="817"/>
      <c r="CA117" s="817" t="s">
        <v>438</v>
      </c>
      <c r="CB117" s="817"/>
      <c r="CC117" s="817"/>
      <c r="CD117" s="817"/>
      <c r="CE117" s="817"/>
      <c r="CF117" s="875" t="s">
        <v>393</v>
      </c>
      <c r="CG117" s="876"/>
      <c r="CH117" s="876"/>
      <c r="CI117" s="876"/>
      <c r="CJ117" s="876"/>
      <c r="CK117" s="927"/>
      <c r="CL117" s="821"/>
      <c r="CM117" s="815" t="s">
        <v>460</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30</v>
      </c>
      <c r="DH117" s="780"/>
      <c r="DI117" s="780"/>
      <c r="DJ117" s="780"/>
      <c r="DK117" s="781"/>
      <c r="DL117" s="782" t="s">
        <v>438</v>
      </c>
      <c r="DM117" s="780"/>
      <c r="DN117" s="780"/>
      <c r="DO117" s="780"/>
      <c r="DP117" s="781"/>
      <c r="DQ117" s="782" t="s">
        <v>393</v>
      </c>
      <c r="DR117" s="780"/>
      <c r="DS117" s="780"/>
      <c r="DT117" s="780"/>
      <c r="DU117" s="781"/>
      <c r="DV117" s="824" t="s">
        <v>438</v>
      </c>
      <c r="DW117" s="825"/>
      <c r="DX117" s="825"/>
      <c r="DY117" s="825"/>
      <c r="DZ117" s="826"/>
    </row>
    <row r="118" spans="1:130" s="230" customFormat="1" ht="26.25" customHeight="1" x14ac:dyDescent="0.2">
      <c r="A118" s="895" t="s">
        <v>432</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9</v>
      </c>
      <c r="AB118" s="896"/>
      <c r="AC118" s="896"/>
      <c r="AD118" s="896"/>
      <c r="AE118" s="897"/>
      <c r="AF118" s="898" t="s">
        <v>430</v>
      </c>
      <c r="AG118" s="896"/>
      <c r="AH118" s="896"/>
      <c r="AI118" s="896"/>
      <c r="AJ118" s="897"/>
      <c r="AK118" s="898" t="s">
        <v>307</v>
      </c>
      <c r="AL118" s="896"/>
      <c r="AM118" s="896"/>
      <c r="AN118" s="896"/>
      <c r="AO118" s="897"/>
      <c r="AP118" s="899" t="s">
        <v>431</v>
      </c>
      <c r="AQ118" s="900"/>
      <c r="AR118" s="900"/>
      <c r="AS118" s="900"/>
      <c r="AT118" s="901"/>
      <c r="AU118" s="932"/>
      <c r="AV118" s="933"/>
      <c r="AW118" s="933"/>
      <c r="AX118" s="933"/>
      <c r="AY118" s="933"/>
      <c r="AZ118" s="838" t="s">
        <v>461</v>
      </c>
      <c r="BA118" s="839"/>
      <c r="BB118" s="839"/>
      <c r="BC118" s="839"/>
      <c r="BD118" s="839"/>
      <c r="BE118" s="839"/>
      <c r="BF118" s="839"/>
      <c r="BG118" s="839"/>
      <c r="BH118" s="839"/>
      <c r="BI118" s="839"/>
      <c r="BJ118" s="839"/>
      <c r="BK118" s="839"/>
      <c r="BL118" s="839"/>
      <c r="BM118" s="839"/>
      <c r="BN118" s="839"/>
      <c r="BO118" s="839"/>
      <c r="BP118" s="840"/>
      <c r="BQ118" s="879" t="s">
        <v>438</v>
      </c>
      <c r="BR118" s="845"/>
      <c r="BS118" s="845"/>
      <c r="BT118" s="845"/>
      <c r="BU118" s="845"/>
      <c r="BV118" s="845" t="s">
        <v>445</v>
      </c>
      <c r="BW118" s="845"/>
      <c r="BX118" s="845"/>
      <c r="BY118" s="845"/>
      <c r="BZ118" s="845"/>
      <c r="CA118" s="845" t="s">
        <v>130</v>
      </c>
      <c r="CB118" s="845"/>
      <c r="CC118" s="845"/>
      <c r="CD118" s="845"/>
      <c r="CE118" s="845"/>
      <c r="CF118" s="875" t="s">
        <v>130</v>
      </c>
      <c r="CG118" s="876"/>
      <c r="CH118" s="876"/>
      <c r="CI118" s="876"/>
      <c r="CJ118" s="876"/>
      <c r="CK118" s="927"/>
      <c r="CL118" s="821"/>
      <c r="CM118" s="815" t="s">
        <v>462</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438</v>
      </c>
      <c r="DH118" s="780"/>
      <c r="DI118" s="780"/>
      <c r="DJ118" s="780"/>
      <c r="DK118" s="781"/>
      <c r="DL118" s="782" t="s">
        <v>438</v>
      </c>
      <c r="DM118" s="780"/>
      <c r="DN118" s="780"/>
      <c r="DO118" s="780"/>
      <c r="DP118" s="781"/>
      <c r="DQ118" s="782" t="s">
        <v>438</v>
      </c>
      <c r="DR118" s="780"/>
      <c r="DS118" s="780"/>
      <c r="DT118" s="780"/>
      <c r="DU118" s="781"/>
      <c r="DV118" s="824" t="s">
        <v>445</v>
      </c>
      <c r="DW118" s="825"/>
      <c r="DX118" s="825"/>
      <c r="DY118" s="825"/>
      <c r="DZ118" s="826"/>
    </row>
    <row r="119" spans="1:130" s="230" customFormat="1" ht="26.25" customHeight="1" x14ac:dyDescent="0.2">
      <c r="A119" s="818" t="s">
        <v>435</v>
      </c>
      <c r="B119" s="819"/>
      <c r="C119" s="860" t="s">
        <v>436</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445</v>
      </c>
      <c r="AB119" s="889"/>
      <c r="AC119" s="889"/>
      <c r="AD119" s="889"/>
      <c r="AE119" s="890"/>
      <c r="AF119" s="891" t="s">
        <v>130</v>
      </c>
      <c r="AG119" s="889"/>
      <c r="AH119" s="889"/>
      <c r="AI119" s="889"/>
      <c r="AJ119" s="890"/>
      <c r="AK119" s="891" t="s">
        <v>438</v>
      </c>
      <c r="AL119" s="889"/>
      <c r="AM119" s="889"/>
      <c r="AN119" s="889"/>
      <c r="AO119" s="890"/>
      <c r="AP119" s="892" t="s">
        <v>445</v>
      </c>
      <c r="AQ119" s="893"/>
      <c r="AR119" s="893"/>
      <c r="AS119" s="893"/>
      <c r="AT119" s="894"/>
      <c r="AU119" s="934"/>
      <c r="AV119" s="935"/>
      <c r="AW119" s="935"/>
      <c r="AX119" s="935"/>
      <c r="AY119" s="935"/>
      <c r="AZ119" s="251" t="s">
        <v>187</v>
      </c>
      <c r="BA119" s="251"/>
      <c r="BB119" s="251"/>
      <c r="BC119" s="251"/>
      <c r="BD119" s="251"/>
      <c r="BE119" s="251"/>
      <c r="BF119" s="251"/>
      <c r="BG119" s="251"/>
      <c r="BH119" s="251"/>
      <c r="BI119" s="251"/>
      <c r="BJ119" s="251"/>
      <c r="BK119" s="251"/>
      <c r="BL119" s="251"/>
      <c r="BM119" s="251"/>
      <c r="BN119" s="251"/>
      <c r="BO119" s="877" t="s">
        <v>463</v>
      </c>
      <c r="BP119" s="878"/>
      <c r="BQ119" s="879">
        <v>6660705</v>
      </c>
      <c r="BR119" s="845"/>
      <c r="BS119" s="845"/>
      <c r="BT119" s="845"/>
      <c r="BU119" s="845"/>
      <c r="BV119" s="845">
        <v>6226854</v>
      </c>
      <c r="BW119" s="845"/>
      <c r="BX119" s="845"/>
      <c r="BY119" s="845"/>
      <c r="BZ119" s="845"/>
      <c r="CA119" s="845">
        <v>5762951</v>
      </c>
      <c r="CB119" s="845"/>
      <c r="CC119" s="845"/>
      <c r="CD119" s="845"/>
      <c r="CE119" s="845"/>
      <c r="CF119" s="748"/>
      <c r="CG119" s="749"/>
      <c r="CH119" s="749"/>
      <c r="CI119" s="749"/>
      <c r="CJ119" s="834"/>
      <c r="CK119" s="928"/>
      <c r="CL119" s="823"/>
      <c r="CM119" s="838" t="s">
        <v>464</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130</v>
      </c>
      <c r="DH119" s="764"/>
      <c r="DI119" s="764"/>
      <c r="DJ119" s="764"/>
      <c r="DK119" s="765"/>
      <c r="DL119" s="766" t="s">
        <v>130</v>
      </c>
      <c r="DM119" s="764"/>
      <c r="DN119" s="764"/>
      <c r="DO119" s="764"/>
      <c r="DP119" s="765"/>
      <c r="DQ119" s="766" t="s">
        <v>438</v>
      </c>
      <c r="DR119" s="764"/>
      <c r="DS119" s="764"/>
      <c r="DT119" s="764"/>
      <c r="DU119" s="765"/>
      <c r="DV119" s="848" t="s">
        <v>445</v>
      </c>
      <c r="DW119" s="849"/>
      <c r="DX119" s="849"/>
      <c r="DY119" s="849"/>
      <c r="DZ119" s="850"/>
    </row>
    <row r="120" spans="1:130" s="230" customFormat="1" ht="26.25" customHeight="1" x14ac:dyDescent="0.2">
      <c r="A120" s="820"/>
      <c r="B120" s="821"/>
      <c r="C120" s="815" t="s">
        <v>440</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30</v>
      </c>
      <c r="AB120" s="780"/>
      <c r="AC120" s="780"/>
      <c r="AD120" s="780"/>
      <c r="AE120" s="781"/>
      <c r="AF120" s="782" t="s">
        <v>130</v>
      </c>
      <c r="AG120" s="780"/>
      <c r="AH120" s="780"/>
      <c r="AI120" s="780"/>
      <c r="AJ120" s="781"/>
      <c r="AK120" s="782" t="s">
        <v>445</v>
      </c>
      <c r="AL120" s="780"/>
      <c r="AM120" s="780"/>
      <c r="AN120" s="780"/>
      <c r="AO120" s="781"/>
      <c r="AP120" s="824" t="s">
        <v>438</v>
      </c>
      <c r="AQ120" s="825"/>
      <c r="AR120" s="825"/>
      <c r="AS120" s="825"/>
      <c r="AT120" s="826"/>
      <c r="AU120" s="880" t="s">
        <v>465</v>
      </c>
      <c r="AV120" s="881"/>
      <c r="AW120" s="881"/>
      <c r="AX120" s="881"/>
      <c r="AY120" s="882"/>
      <c r="AZ120" s="860" t="s">
        <v>466</v>
      </c>
      <c r="BA120" s="808"/>
      <c r="BB120" s="808"/>
      <c r="BC120" s="808"/>
      <c r="BD120" s="808"/>
      <c r="BE120" s="808"/>
      <c r="BF120" s="808"/>
      <c r="BG120" s="808"/>
      <c r="BH120" s="808"/>
      <c r="BI120" s="808"/>
      <c r="BJ120" s="808"/>
      <c r="BK120" s="808"/>
      <c r="BL120" s="808"/>
      <c r="BM120" s="808"/>
      <c r="BN120" s="808"/>
      <c r="BO120" s="808"/>
      <c r="BP120" s="809"/>
      <c r="BQ120" s="861">
        <v>5110823</v>
      </c>
      <c r="BR120" s="842"/>
      <c r="BS120" s="842"/>
      <c r="BT120" s="842"/>
      <c r="BU120" s="842"/>
      <c r="BV120" s="842">
        <v>5831367</v>
      </c>
      <c r="BW120" s="842"/>
      <c r="BX120" s="842"/>
      <c r="BY120" s="842"/>
      <c r="BZ120" s="842"/>
      <c r="CA120" s="842">
        <v>6547908</v>
      </c>
      <c r="CB120" s="842"/>
      <c r="CC120" s="842"/>
      <c r="CD120" s="842"/>
      <c r="CE120" s="842"/>
      <c r="CF120" s="866">
        <v>269.39999999999998</v>
      </c>
      <c r="CG120" s="867"/>
      <c r="CH120" s="867"/>
      <c r="CI120" s="867"/>
      <c r="CJ120" s="867"/>
      <c r="CK120" s="868" t="s">
        <v>467</v>
      </c>
      <c r="CL120" s="852"/>
      <c r="CM120" s="852"/>
      <c r="CN120" s="852"/>
      <c r="CO120" s="853"/>
      <c r="CP120" s="872" t="s">
        <v>468</v>
      </c>
      <c r="CQ120" s="873"/>
      <c r="CR120" s="873"/>
      <c r="CS120" s="873"/>
      <c r="CT120" s="873"/>
      <c r="CU120" s="873"/>
      <c r="CV120" s="873"/>
      <c r="CW120" s="873"/>
      <c r="CX120" s="873"/>
      <c r="CY120" s="873"/>
      <c r="CZ120" s="873"/>
      <c r="DA120" s="873"/>
      <c r="DB120" s="873"/>
      <c r="DC120" s="873"/>
      <c r="DD120" s="873"/>
      <c r="DE120" s="873"/>
      <c r="DF120" s="874"/>
      <c r="DG120" s="861">
        <v>3118482</v>
      </c>
      <c r="DH120" s="842"/>
      <c r="DI120" s="842"/>
      <c r="DJ120" s="842"/>
      <c r="DK120" s="842"/>
      <c r="DL120" s="842">
        <v>2856193</v>
      </c>
      <c r="DM120" s="842"/>
      <c r="DN120" s="842"/>
      <c r="DO120" s="842"/>
      <c r="DP120" s="842"/>
      <c r="DQ120" s="842">
        <v>2598396</v>
      </c>
      <c r="DR120" s="842"/>
      <c r="DS120" s="842"/>
      <c r="DT120" s="842"/>
      <c r="DU120" s="842"/>
      <c r="DV120" s="843">
        <v>106.9</v>
      </c>
      <c r="DW120" s="843"/>
      <c r="DX120" s="843"/>
      <c r="DY120" s="843"/>
      <c r="DZ120" s="844"/>
    </row>
    <row r="121" spans="1:130" s="230" customFormat="1" ht="26.25" customHeight="1" x14ac:dyDescent="0.2">
      <c r="A121" s="820"/>
      <c r="B121" s="821"/>
      <c r="C121" s="863" t="s">
        <v>469</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438</v>
      </c>
      <c r="AB121" s="780"/>
      <c r="AC121" s="780"/>
      <c r="AD121" s="780"/>
      <c r="AE121" s="781"/>
      <c r="AF121" s="782" t="s">
        <v>445</v>
      </c>
      <c r="AG121" s="780"/>
      <c r="AH121" s="780"/>
      <c r="AI121" s="780"/>
      <c r="AJ121" s="781"/>
      <c r="AK121" s="782" t="s">
        <v>445</v>
      </c>
      <c r="AL121" s="780"/>
      <c r="AM121" s="780"/>
      <c r="AN121" s="780"/>
      <c r="AO121" s="781"/>
      <c r="AP121" s="824" t="s">
        <v>130</v>
      </c>
      <c r="AQ121" s="825"/>
      <c r="AR121" s="825"/>
      <c r="AS121" s="825"/>
      <c r="AT121" s="826"/>
      <c r="AU121" s="883"/>
      <c r="AV121" s="884"/>
      <c r="AW121" s="884"/>
      <c r="AX121" s="884"/>
      <c r="AY121" s="885"/>
      <c r="AZ121" s="815" t="s">
        <v>470</v>
      </c>
      <c r="BA121" s="752"/>
      <c r="BB121" s="752"/>
      <c r="BC121" s="752"/>
      <c r="BD121" s="752"/>
      <c r="BE121" s="752"/>
      <c r="BF121" s="752"/>
      <c r="BG121" s="752"/>
      <c r="BH121" s="752"/>
      <c r="BI121" s="752"/>
      <c r="BJ121" s="752"/>
      <c r="BK121" s="752"/>
      <c r="BL121" s="752"/>
      <c r="BM121" s="752"/>
      <c r="BN121" s="752"/>
      <c r="BO121" s="752"/>
      <c r="BP121" s="753"/>
      <c r="BQ121" s="816">
        <v>11462</v>
      </c>
      <c r="BR121" s="817"/>
      <c r="BS121" s="817"/>
      <c r="BT121" s="817"/>
      <c r="BU121" s="817"/>
      <c r="BV121" s="817">
        <v>4909</v>
      </c>
      <c r="BW121" s="817"/>
      <c r="BX121" s="817"/>
      <c r="BY121" s="817"/>
      <c r="BZ121" s="817"/>
      <c r="CA121" s="817">
        <v>3966</v>
      </c>
      <c r="CB121" s="817"/>
      <c r="CC121" s="817"/>
      <c r="CD121" s="817"/>
      <c r="CE121" s="817"/>
      <c r="CF121" s="875">
        <v>0.2</v>
      </c>
      <c r="CG121" s="876"/>
      <c r="CH121" s="876"/>
      <c r="CI121" s="876"/>
      <c r="CJ121" s="876"/>
      <c r="CK121" s="869"/>
      <c r="CL121" s="855"/>
      <c r="CM121" s="855"/>
      <c r="CN121" s="855"/>
      <c r="CO121" s="856"/>
      <c r="CP121" s="835" t="s">
        <v>471</v>
      </c>
      <c r="CQ121" s="836"/>
      <c r="CR121" s="836"/>
      <c r="CS121" s="836"/>
      <c r="CT121" s="836"/>
      <c r="CU121" s="836"/>
      <c r="CV121" s="836"/>
      <c r="CW121" s="836"/>
      <c r="CX121" s="836"/>
      <c r="CY121" s="836"/>
      <c r="CZ121" s="836"/>
      <c r="DA121" s="836"/>
      <c r="DB121" s="836"/>
      <c r="DC121" s="836"/>
      <c r="DD121" s="836"/>
      <c r="DE121" s="836"/>
      <c r="DF121" s="837"/>
      <c r="DG121" s="816">
        <v>11579</v>
      </c>
      <c r="DH121" s="817"/>
      <c r="DI121" s="817"/>
      <c r="DJ121" s="817"/>
      <c r="DK121" s="817"/>
      <c r="DL121" s="817">
        <v>12007</v>
      </c>
      <c r="DM121" s="817"/>
      <c r="DN121" s="817"/>
      <c r="DO121" s="817"/>
      <c r="DP121" s="817"/>
      <c r="DQ121" s="817">
        <v>11620</v>
      </c>
      <c r="DR121" s="817"/>
      <c r="DS121" s="817"/>
      <c r="DT121" s="817"/>
      <c r="DU121" s="817"/>
      <c r="DV121" s="794">
        <v>0.5</v>
      </c>
      <c r="DW121" s="794"/>
      <c r="DX121" s="794"/>
      <c r="DY121" s="794"/>
      <c r="DZ121" s="795"/>
    </row>
    <row r="122" spans="1:130" s="230" customFormat="1" ht="26.25" customHeight="1" x14ac:dyDescent="0.2">
      <c r="A122" s="820"/>
      <c r="B122" s="821"/>
      <c r="C122" s="815" t="s">
        <v>451</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130</v>
      </c>
      <c r="AB122" s="780"/>
      <c r="AC122" s="780"/>
      <c r="AD122" s="780"/>
      <c r="AE122" s="781"/>
      <c r="AF122" s="782" t="s">
        <v>130</v>
      </c>
      <c r="AG122" s="780"/>
      <c r="AH122" s="780"/>
      <c r="AI122" s="780"/>
      <c r="AJ122" s="781"/>
      <c r="AK122" s="782" t="s">
        <v>130</v>
      </c>
      <c r="AL122" s="780"/>
      <c r="AM122" s="780"/>
      <c r="AN122" s="780"/>
      <c r="AO122" s="781"/>
      <c r="AP122" s="824" t="s">
        <v>438</v>
      </c>
      <c r="AQ122" s="825"/>
      <c r="AR122" s="825"/>
      <c r="AS122" s="825"/>
      <c r="AT122" s="826"/>
      <c r="AU122" s="883"/>
      <c r="AV122" s="884"/>
      <c r="AW122" s="884"/>
      <c r="AX122" s="884"/>
      <c r="AY122" s="885"/>
      <c r="AZ122" s="838" t="s">
        <v>472</v>
      </c>
      <c r="BA122" s="839"/>
      <c r="BB122" s="839"/>
      <c r="BC122" s="839"/>
      <c r="BD122" s="839"/>
      <c r="BE122" s="839"/>
      <c r="BF122" s="839"/>
      <c r="BG122" s="839"/>
      <c r="BH122" s="839"/>
      <c r="BI122" s="839"/>
      <c r="BJ122" s="839"/>
      <c r="BK122" s="839"/>
      <c r="BL122" s="839"/>
      <c r="BM122" s="839"/>
      <c r="BN122" s="839"/>
      <c r="BO122" s="839"/>
      <c r="BP122" s="840"/>
      <c r="BQ122" s="879">
        <v>3627476</v>
      </c>
      <c r="BR122" s="845"/>
      <c r="BS122" s="845"/>
      <c r="BT122" s="845"/>
      <c r="BU122" s="845"/>
      <c r="BV122" s="845">
        <v>3317913</v>
      </c>
      <c r="BW122" s="845"/>
      <c r="BX122" s="845"/>
      <c r="BY122" s="845"/>
      <c r="BZ122" s="845"/>
      <c r="CA122" s="845">
        <v>2974615</v>
      </c>
      <c r="CB122" s="845"/>
      <c r="CC122" s="845"/>
      <c r="CD122" s="845"/>
      <c r="CE122" s="845"/>
      <c r="CF122" s="846">
        <v>122.4</v>
      </c>
      <c r="CG122" s="847"/>
      <c r="CH122" s="847"/>
      <c r="CI122" s="847"/>
      <c r="CJ122" s="847"/>
      <c r="CK122" s="869"/>
      <c r="CL122" s="855"/>
      <c r="CM122" s="855"/>
      <c r="CN122" s="855"/>
      <c r="CO122" s="856"/>
      <c r="CP122" s="835" t="s">
        <v>473</v>
      </c>
      <c r="CQ122" s="836"/>
      <c r="CR122" s="836"/>
      <c r="CS122" s="836"/>
      <c r="CT122" s="836"/>
      <c r="CU122" s="836"/>
      <c r="CV122" s="836"/>
      <c r="CW122" s="836"/>
      <c r="CX122" s="836"/>
      <c r="CY122" s="836"/>
      <c r="CZ122" s="836"/>
      <c r="DA122" s="836"/>
      <c r="DB122" s="836"/>
      <c r="DC122" s="836"/>
      <c r="DD122" s="836"/>
      <c r="DE122" s="836"/>
      <c r="DF122" s="837"/>
      <c r="DG122" s="816" t="s">
        <v>130</v>
      </c>
      <c r="DH122" s="817"/>
      <c r="DI122" s="817"/>
      <c r="DJ122" s="817"/>
      <c r="DK122" s="817"/>
      <c r="DL122" s="817" t="s">
        <v>130</v>
      </c>
      <c r="DM122" s="817"/>
      <c r="DN122" s="817"/>
      <c r="DO122" s="817"/>
      <c r="DP122" s="817"/>
      <c r="DQ122" s="817" t="s">
        <v>438</v>
      </c>
      <c r="DR122" s="817"/>
      <c r="DS122" s="817"/>
      <c r="DT122" s="817"/>
      <c r="DU122" s="817"/>
      <c r="DV122" s="794" t="s">
        <v>438</v>
      </c>
      <c r="DW122" s="794"/>
      <c r="DX122" s="794"/>
      <c r="DY122" s="794"/>
      <c r="DZ122" s="795"/>
    </row>
    <row r="123" spans="1:130" s="230" customFormat="1" ht="26.25" customHeight="1" x14ac:dyDescent="0.2">
      <c r="A123" s="820"/>
      <c r="B123" s="821"/>
      <c r="C123" s="815" t="s">
        <v>457</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438</v>
      </c>
      <c r="AB123" s="780"/>
      <c r="AC123" s="780"/>
      <c r="AD123" s="780"/>
      <c r="AE123" s="781"/>
      <c r="AF123" s="782" t="s">
        <v>438</v>
      </c>
      <c r="AG123" s="780"/>
      <c r="AH123" s="780"/>
      <c r="AI123" s="780"/>
      <c r="AJ123" s="781"/>
      <c r="AK123" s="782" t="s">
        <v>438</v>
      </c>
      <c r="AL123" s="780"/>
      <c r="AM123" s="780"/>
      <c r="AN123" s="780"/>
      <c r="AO123" s="781"/>
      <c r="AP123" s="824" t="s">
        <v>438</v>
      </c>
      <c r="AQ123" s="825"/>
      <c r="AR123" s="825"/>
      <c r="AS123" s="825"/>
      <c r="AT123" s="826"/>
      <c r="AU123" s="886"/>
      <c r="AV123" s="887"/>
      <c r="AW123" s="887"/>
      <c r="AX123" s="887"/>
      <c r="AY123" s="887"/>
      <c r="AZ123" s="251" t="s">
        <v>187</v>
      </c>
      <c r="BA123" s="251"/>
      <c r="BB123" s="251"/>
      <c r="BC123" s="251"/>
      <c r="BD123" s="251"/>
      <c r="BE123" s="251"/>
      <c r="BF123" s="251"/>
      <c r="BG123" s="251"/>
      <c r="BH123" s="251"/>
      <c r="BI123" s="251"/>
      <c r="BJ123" s="251"/>
      <c r="BK123" s="251"/>
      <c r="BL123" s="251"/>
      <c r="BM123" s="251"/>
      <c r="BN123" s="251"/>
      <c r="BO123" s="877" t="s">
        <v>474</v>
      </c>
      <c r="BP123" s="878"/>
      <c r="BQ123" s="832">
        <v>8749761</v>
      </c>
      <c r="BR123" s="833"/>
      <c r="BS123" s="833"/>
      <c r="BT123" s="833"/>
      <c r="BU123" s="833"/>
      <c r="BV123" s="833">
        <v>9154189</v>
      </c>
      <c r="BW123" s="833"/>
      <c r="BX123" s="833"/>
      <c r="BY123" s="833"/>
      <c r="BZ123" s="833"/>
      <c r="CA123" s="833">
        <v>9526489</v>
      </c>
      <c r="CB123" s="833"/>
      <c r="CC123" s="833"/>
      <c r="CD123" s="833"/>
      <c r="CE123" s="833"/>
      <c r="CF123" s="748"/>
      <c r="CG123" s="749"/>
      <c r="CH123" s="749"/>
      <c r="CI123" s="749"/>
      <c r="CJ123" s="834"/>
      <c r="CK123" s="869"/>
      <c r="CL123" s="855"/>
      <c r="CM123" s="855"/>
      <c r="CN123" s="855"/>
      <c r="CO123" s="856"/>
      <c r="CP123" s="835" t="s">
        <v>475</v>
      </c>
      <c r="CQ123" s="836"/>
      <c r="CR123" s="836"/>
      <c r="CS123" s="836"/>
      <c r="CT123" s="836"/>
      <c r="CU123" s="836"/>
      <c r="CV123" s="836"/>
      <c r="CW123" s="836"/>
      <c r="CX123" s="836"/>
      <c r="CY123" s="836"/>
      <c r="CZ123" s="836"/>
      <c r="DA123" s="836"/>
      <c r="DB123" s="836"/>
      <c r="DC123" s="836"/>
      <c r="DD123" s="836"/>
      <c r="DE123" s="836"/>
      <c r="DF123" s="837"/>
      <c r="DG123" s="779" t="s">
        <v>438</v>
      </c>
      <c r="DH123" s="780"/>
      <c r="DI123" s="780"/>
      <c r="DJ123" s="780"/>
      <c r="DK123" s="781"/>
      <c r="DL123" s="782" t="s">
        <v>438</v>
      </c>
      <c r="DM123" s="780"/>
      <c r="DN123" s="780"/>
      <c r="DO123" s="780"/>
      <c r="DP123" s="781"/>
      <c r="DQ123" s="782" t="s">
        <v>438</v>
      </c>
      <c r="DR123" s="780"/>
      <c r="DS123" s="780"/>
      <c r="DT123" s="780"/>
      <c r="DU123" s="781"/>
      <c r="DV123" s="824" t="s">
        <v>438</v>
      </c>
      <c r="DW123" s="825"/>
      <c r="DX123" s="825"/>
      <c r="DY123" s="825"/>
      <c r="DZ123" s="826"/>
    </row>
    <row r="124" spans="1:130" s="230" customFormat="1" ht="26.25" customHeight="1" thickBot="1" x14ac:dyDescent="0.25">
      <c r="A124" s="820"/>
      <c r="B124" s="821"/>
      <c r="C124" s="815" t="s">
        <v>460</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438</v>
      </c>
      <c r="AB124" s="780"/>
      <c r="AC124" s="780"/>
      <c r="AD124" s="780"/>
      <c r="AE124" s="781"/>
      <c r="AF124" s="782" t="s">
        <v>438</v>
      </c>
      <c r="AG124" s="780"/>
      <c r="AH124" s="780"/>
      <c r="AI124" s="780"/>
      <c r="AJ124" s="781"/>
      <c r="AK124" s="782" t="s">
        <v>438</v>
      </c>
      <c r="AL124" s="780"/>
      <c r="AM124" s="780"/>
      <c r="AN124" s="780"/>
      <c r="AO124" s="781"/>
      <c r="AP124" s="824" t="s">
        <v>438</v>
      </c>
      <c r="AQ124" s="825"/>
      <c r="AR124" s="825"/>
      <c r="AS124" s="825"/>
      <c r="AT124" s="826"/>
      <c r="AU124" s="827" t="s">
        <v>476</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130</v>
      </c>
      <c r="BR124" s="831"/>
      <c r="BS124" s="831"/>
      <c r="BT124" s="831"/>
      <c r="BU124" s="831"/>
      <c r="BV124" s="831" t="s">
        <v>438</v>
      </c>
      <c r="BW124" s="831"/>
      <c r="BX124" s="831"/>
      <c r="BY124" s="831"/>
      <c r="BZ124" s="831"/>
      <c r="CA124" s="831" t="s">
        <v>438</v>
      </c>
      <c r="CB124" s="831"/>
      <c r="CC124" s="831"/>
      <c r="CD124" s="831"/>
      <c r="CE124" s="831"/>
      <c r="CF124" s="726"/>
      <c r="CG124" s="727"/>
      <c r="CH124" s="727"/>
      <c r="CI124" s="727"/>
      <c r="CJ124" s="862"/>
      <c r="CK124" s="870"/>
      <c r="CL124" s="870"/>
      <c r="CM124" s="870"/>
      <c r="CN124" s="870"/>
      <c r="CO124" s="871"/>
      <c r="CP124" s="835" t="s">
        <v>477</v>
      </c>
      <c r="CQ124" s="836"/>
      <c r="CR124" s="836"/>
      <c r="CS124" s="836"/>
      <c r="CT124" s="836"/>
      <c r="CU124" s="836"/>
      <c r="CV124" s="836"/>
      <c r="CW124" s="836"/>
      <c r="CX124" s="836"/>
      <c r="CY124" s="836"/>
      <c r="CZ124" s="836"/>
      <c r="DA124" s="836"/>
      <c r="DB124" s="836"/>
      <c r="DC124" s="836"/>
      <c r="DD124" s="836"/>
      <c r="DE124" s="836"/>
      <c r="DF124" s="837"/>
      <c r="DG124" s="763" t="s">
        <v>130</v>
      </c>
      <c r="DH124" s="764"/>
      <c r="DI124" s="764"/>
      <c r="DJ124" s="764"/>
      <c r="DK124" s="765"/>
      <c r="DL124" s="766" t="s">
        <v>130</v>
      </c>
      <c r="DM124" s="764"/>
      <c r="DN124" s="764"/>
      <c r="DO124" s="764"/>
      <c r="DP124" s="765"/>
      <c r="DQ124" s="766" t="s">
        <v>130</v>
      </c>
      <c r="DR124" s="764"/>
      <c r="DS124" s="764"/>
      <c r="DT124" s="764"/>
      <c r="DU124" s="765"/>
      <c r="DV124" s="848" t="s">
        <v>130</v>
      </c>
      <c r="DW124" s="849"/>
      <c r="DX124" s="849"/>
      <c r="DY124" s="849"/>
      <c r="DZ124" s="850"/>
    </row>
    <row r="125" spans="1:130" s="230" customFormat="1" ht="26.25" customHeight="1" x14ac:dyDescent="0.2">
      <c r="A125" s="820"/>
      <c r="B125" s="821"/>
      <c r="C125" s="815" t="s">
        <v>462</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438</v>
      </c>
      <c r="AB125" s="780"/>
      <c r="AC125" s="780"/>
      <c r="AD125" s="780"/>
      <c r="AE125" s="781"/>
      <c r="AF125" s="782" t="s">
        <v>130</v>
      </c>
      <c r="AG125" s="780"/>
      <c r="AH125" s="780"/>
      <c r="AI125" s="780"/>
      <c r="AJ125" s="781"/>
      <c r="AK125" s="782" t="s">
        <v>130</v>
      </c>
      <c r="AL125" s="780"/>
      <c r="AM125" s="780"/>
      <c r="AN125" s="780"/>
      <c r="AO125" s="781"/>
      <c r="AP125" s="824" t="s">
        <v>130</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8</v>
      </c>
      <c r="CL125" s="852"/>
      <c r="CM125" s="852"/>
      <c r="CN125" s="852"/>
      <c r="CO125" s="853"/>
      <c r="CP125" s="860" t="s">
        <v>479</v>
      </c>
      <c r="CQ125" s="808"/>
      <c r="CR125" s="808"/>
      <c r="CS125" s="808"/>
      <c r="CT125" s="808"/>
      <c r="CU125" s="808"/>
      <c r="CV125" s="808"/>
      <c r="CW125" s="808"/>
      <c r="CX125" s="808"/>
      <c r="CY125" s="808"/>
      <c r="CZ125" s="808"/>
      <c r="DA125" s="808"/>
      <c r="DB125" s="808"/>
      <c r="DC125" s="808"/>
      <c r="DD125" s="808"/>
      <c r="DE125" s="808"/>
      <c r="DF125" s="809"/>
      <c r="DG125" s="861" t="s">
        <v>130</v>
      </c>
      <c r="DH125" s="842"/>
      <c r="DI125" s="842"/>
      <c r="DJ125" s="842"/>
      <c r="DK125" s="842"/>
      <c r="DL125" s="842" t="s">
        <v>438</v>
      </c>
      <c r="DM125" s="842"/>
      <c r="DN125" s="842"/>
      <c r="DO125" s="842"/>
      <c r="DP125" s="842"/>
      <c r="DQ125" s="842" t="s">
        <v>130</v>
      </c>
      <c r="DR125" s="842"/>
      <c r="DS125" s="842"/>
      <c r="DT125" s="842"/>
      <c r="DU125" s="842"/>
      <c r="DV125" s="843" t="s">
        <v>130</v>
      </c>
      <c r="DW125" s="843"/>
      <c r="DX125" s="843"/>
      <c r="DY125" s="843"/>
      <c r="DZ125" s="844"/>
    </row>
    <row r="126" spans="1:130" s="230" customFormat="1" ht="26.25" customHeight="1" thickBot="1" x14ac:dyDescent="0.25">
      <c r="A126" s="820"/>
      <c r="B126" s="821"/>
      <c r="C126" s="815" t="s">
        <v>464</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30</v>
      </c>
      <c r="AB126" s="780"/>
      <c r="AC126" s="780"/>
      <c r="AD126" s="780"/>
      <c r="AE126" s="781"/>
      <c r="AF126" s="782" t="s">
        <v>480</v>
      </c>
      <c r="AG126" s="780"/>
      <c r="AH126" s="780"/>
      <c r="AI126" s="780"/>
      <c r="AJ126" s="781"/>
      <c r="AK126" s="782" t="s">
        <v>130</v>
      </c>
      <c r="AL126" s="780"/>
      <c r="AM126" s="780"/>
      <c r="AN126" s="780"/>
      <c r="AO126" s="781"/>
      <c r="AP126" s="824" t="s">
        <v>130</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81</v>
      </c>
      <c r="CQ126" s="752"/>
      <c r="CR126" s="752"/>
      <c r="CS126" s="752"/>
      <c r="CT126" s="752"/>
      <c r="CU126" s="752"/>
      <c r="CV126" s="752"/>
      <c r="CW126" s="752"/>
      <c r="CX126" s="752"/>
      <c r="CY126" s="752"/>
      <c r="CZ126" s="752"/>
      <c r="DA126" s="752"/>
      <c r="DB126" s="752"/>
      <c r="DC126" s="752"/>
      <c r="DD126" s="752"/>
      <c r="DE126" s="752"/>
      <c r="DF126" s="753"/>
      <c r="DG126" s="816" t="s">
        <v>130</v>
      </c>
      <c r="DH126" s="817"/>
      <c r="DI126" s="817"/>
      <c r="DJ126" s="817"/>
      <c r="DK126" s="817"/>
      <c r="DL126" s="817" t="s">
        <v>130</v>
      </c>
      <c r="DM126" s="817"/>
      <c r="DN126" s="817"/>
      <c r="DO126" s="817"/>
      <c r="DP126" s="817"/>
      <c r="DQ126" s="817" t="s">
        <v>480</v>
      </c>
      <c r="DR126" s="817"/>
      <c r="DS126" s="817"/>
      <c r="DT126" s="817"/>
      <c r="DU126" s="817"/>
      <c r="DV126" s="794" t="s">
        <v>130</v>
      </c>
      <c r="DW126" s="794"/>
      <c r="DX126" s="794"/>
      <c r="DY126" s="794"/>
      <c r="DZ126" s="795"/>
    </row>
    <row r="127" spans="1:130" s="230" customFormat="1" ht="26.25" customHeight="1" x14ac:dyDescent="0.2">
      <c r="A127" s="822"/>
      <c r="B127" s="823"/>
      <c r="C127" s="838" t="s">
        <v>482</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30</v>
      </c>
      <c r="AB127" s="780"/>
      <c r="AC127" s="780"/>
      <c r="AD127" s="780"/>
      <c r="AE127" s="781"/>
      <c r="AF127" s="782" t="s">
        <v>130</v>
      </c>
      <c r="AG127" s="780"/>
      <c r="AH127" s="780"/>
      <c r="AI127" s="780"/>
      <c r="AJ127" s="781"/>
      <c r="AK127" s="782" t="s">
        <v>130</v>
      </c>
      <c r="AL127" s="780"/>
      <c r="AM127" s="780"/>
      <c r="AN127" s="780"/>
      <c r="AO127" s="781"/>
      <c r="AP127" s="824" t="s">
        <v>130</v>
      </c>
      <c r="AQ127" s="825"/>
      <c r="AR127" s="825"/>
      <c r="AS127" s="825"/>
      <c r="AT127" s="826"/>
      <c r="AU127" s="232"/>
      <c r="AV127" s="232"/>
      <c r="AW127" s="232"/>
      <c r="AX127" s="841" t="s">
        <v>483</v>
      </c>
      <c r="AY127" s="812"/>
      <c r="AZ127" s="812"/>
      <c r="BA127" s="812"/>
      <c r="BB127" s="812"/>
      <c r="BC127" s="812"/>
      <c r="BD127" s="812"/>
      <c r="BE127" s="813"/>
      <c r="BF127" s="811" t="s">
        <v>484</v>
      </c>
      <c r="BG127" s="812"/>
      <c r="BH127" s="812"/>
      <c r="BI127" s="812"/>
      <c r="BJ127" s="812"/>
      <c r="BK127" s="812"/>
      <c r="BL127" s="813"/>
      <c r="BM127" s="811" t="s">
        <v>485</v>
      </c>
      <c r="BN127" s="812"/>
      <c r="BO127" s="812"/>
      <c r="BP127" s="812"/>
      <c r="BQ127" s="812"/>
      <c r="BR127" s="812"/>
      <c r="BS127" s="813"/>
      <c r="BT127" s="811" t="s">
        <v>486</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7</v>
      </c>
      <c r="CQ127" s="752"/>
      <c r="CR127" s="752"/>
      <c r="CS127" s="752"/>
      <c r="CT127" s="752"/>
      <c r="CU127" s="752"/>
      <c r="CV127" s="752"/>
      <c r="CW127" s="752"/>
      <c r="CX127" s="752"/>
      <c r="CY127" s="752"/>
      <c r="CZ127" s="752"/>
      <c r="DA127" s="752"/>
      <c r="DB127" s="752"/>
      <c r="DC127" s="752"/>
      <c r="DD127" s="752"/>
      <c r="DE127" s="752"/>
      <c r="DF127" s="753"/>
      <c r="DG127" s="816" t="s">
        <v>130</v>
      </c>
      <c r="DH127" s="817"/>
      <c r="DI127" s="817"/>
      <c r="DJ127" s="817"/>
      <c r="DK127" s="817"/>
      <c r="DL127" s="817" t="s">
        <v>130</v>
      </c>
      <c r="DM127" s="817"/>
      <c r="DN127" s="817"/>
      <c r="DO127" s="817"/>
      <c r="DP127" s="817"/>
      <c r="DQ127" s="817" t="s">
        <v>130</v>
      </c>
      <c r="DR127" s="817"/>
      <c r="DS127" s="817"/>
      <c r="DT127" s="817"/>
      <c r="DU127" s="817"/>
      <c r="DV127" s="794" t="s">
        <v>130</v>
      </c>
      <c r="DW127" s="794"/>
      <c r="DX127" s="794"/>
      <c r="DY127" s="794"/>
      <c r="DZ127" s="795"/>
    </row>
    <row r="128" spans="1:130" s="230" customFormat="1" ht="26.25" customHeight="1" thickBot="1" x14ac:dyDescent="0.25">
      <c r="A128" s="796" t="s">
        <v>488</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9</v>
      </c>
      <c r="X128" s="798"/>
      <c r="Y128" s="798"/>
      <c r="Z128" s="799"/>
      <c r="AA128" s="800">
        <v>943</v>
      </c>
      <c r="AB128" s="801"/>
      <c r="AC128" s="801"/>
      <c r="AD128" s="801"/>
      <c r="AE128" s="802"/>
      <c r="AF128" s="803">
        <v>943</v>
      </c>
      <c r="AG128" s="801"/>
      <c r="AH128" s="801"/>
      <c r="AI128" s="801"/>
      <c r="AJ128" s="802"/>
      <c r="AK128" s="803">
        <v>943</v>
      </c>
      <c r="AL128" s="801"/>
      <c r="AM128" s="801"/>
      <c r="AN128" s="801"/>
      <c r="AO128" s="802"/>
      <c r="AP128" s="804"/>
      <c r="AQ128" s="805"/>
      <c r="AR128" s="805"/>
      <c r="AS128" s="805"/>
      <c r="AT128" s="806"/>
      <c r="AU128" s="232"/>
      <c r="AV128" s="232"/>
      <c r="AW128" s="232"/>
      <c r="AX128" s="807" t="s">
        <v>490</v>
      </c>
      <c r="AY128" s="808"/>
      <c r="AZ128" s="808"/>
      <c r="BA128" s="808"/>
      <c r="BB128" s="808"/>
      <c r="BC128" s="808"/>
      <c r="BD128" s="808"/>
      <c r="BE128" s="809"/>
      <c r="BF128" s="786" t="s">
        <v>130</v>
      </c>
      <c r="BG128" s="787"/>
      <c r="BH128" s="787"/>
      <c r="BI128" s="787"/>
      <c r="BJ128" s="787"/>
      <c r="BK128" s="787"/>
      <c r="BL128" s="810"/>
      <c r="BM128" s="786">
        <v>1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91</v>
      </c>
      <c r="CQ128" s="730"/>
      <c r="CR128" s="730"/>
      <c r="CS128" s="730"/>
      <c r="CT128" s="730"/>
      <c r="CU128" s="730"/>
      <c r="CV128" s="730"/>
      <c r="CW128" s="730"/>
      <c r="CX128" s="730"/>
      <c r="CY128" s="730"/>
      <c r="CZ128" s="730"/>
      <c r="DA128" s="730"/>
      <c r="DB128" s="730"/>
      <c r="DC128" s="730"/>
      <c r="DD128" s="730"/>
      <c r="DE128" s="730"/>
      <c r="DF128" s="731"/>
      <c r="DG128" s="790" t="s">
        <v>130</v>
      </c>
      <c r="DH128" s="791"/>
      <c r="DI128" s="791"/>
      <c r="DJ128" s="791"/>
      <c r="DK128" s="791"/>
      <c r="DL128" s="791" t="s">
        <v>130</v>
      </c>
      <c r="DM128" s="791"/>
      <c r="DN128" s="791"/>
      <c r="DO128" s="791"/>
      <c r="DP128" s="791"/>
      <c r="DQ128" s="791" t="s">
        <v>438</v>
      </c>
      <c r="DR128" s="791"/>
      <c r="DS128" s="791"/>
      <c r="DT128" s="791"/>
      <c r="DU128" s="791"/>
      <c r="DV128" s="792" t="s">
        <v>130</v>
      </c>
      <c r="DW128" s="792"/>
      <c r="DX128" s="792"/>
      <c r="DY128" s="792"/>
      <c r="DZ128" s="793"/>
    </row>
    <row r="129" spans="1:131" s="230" customFormat="1" ht="26.25" customHeight="1" x14ac:dyDescent="0.2">
      <c r="A129" s="774" t="s">
        <v>108</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92</v>
      </c>
      <c r="X129" s="777"/>
      <c r="Y129" s="777"/>
      <c r="Z129" s="778"/>
      <c r="AA129" s="779">
        <v>2714118</v>
      </c>
      <c r="AB129" s="780"/>
      <c r="AC129" s="780"/>
      <c r="AD129" s="780"/>
      <c r="AE129" s="781"/>
      <c r="AF129" s="782">
        <v>2911266</v>
      </c>
      <c r="AG129" s="780"/>
      <c r="AH129" s="780"/>
      <c r="AI129" s="780"/>
      <c r="AJ129" s="781"/>
      <c r="AK129" s="782">
        <v>2828157</v>
      </c>
      <c r="AL129" s="780"/>
      <c r="AM129" s="780"/>
      <c r="AN129" s="780"/>
      <c r="AO129" s="781"/>
      <c r="AP129" s="783"/>
      <c r="AQ129" s="784"/>
      <c r="AR129" s="784"/>
      <c r="AS129" s="784"/>
      <c r="AT129" s="785"/>
      <c r="AU129" s="233"/>
      <c r="AV129" s="233"/>
      <c r="AW129" s="233"/>
      <c r="AX129" s="751" t="s">
        <v>493</v>
      </c>
      <c r="AY129" s="752"/>
      <c r="AZ129" s="752"/>
      <c r="BA129" s="752"/>
      <c r="BB129" s="752"/>
      <c r="BC129" s="752"/>
      <c r="BD129" s="752"/>
      <c r="BE129" s="753"/>
      <c r="BF129" s="770" t="s">
        <v>494</v>
      </c>
      <c r="BG129" s="771"/>
      <c r="BH129" s="771"/>
      <c r="BI129" s="771"/>
      <c r="BJ129" s="771"/>
      <c r="BK129" s="771"/>
      <c r="BL129" s="772"/>
      <c r="BM129" s="770">
        <v>20</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95</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6</v>
      </c>
      <c r="X130" s="777"/>
      <c r="Y130" s="777"/>
      <c r="Z130" s="778"/>
      <c r="AA130" s="779">
        <v>423651</v>
      </c>
      <c r="AB130" s="780"/>
      <c r="AC130" s="780"/>
      <c r="AD130" s="780"/>
      <c r="AE130" s="781"/>
      <c r="AF130" s="782">
        <v>415308</v>
      </c>
      <c r="AG130" s="780"/>
      <c r="AH130" s="780"/>
      <c r="AI130" s="780"/>
      <c r="AJ130" s="781"/>
      <c r="AK130" s="782">
        <v>398029</v>
      </c>
      <c r="AL130" s="780"/>
      <c r="AM130" s="780"/>
      <c r="AN130" s="780"/>
      <c r="AO130" s="781"/>
      <c r="AP130" s="783"/>
      <c r="AQ130" s="784"/>
      <c r="AR130" s="784"/>
      <c r="AS130" s="784"/>
      <c r="AT130" s="785"/>
      <c r="AU130" s="233"/>
      <c r="AV130" s="233"/>
      <c r="AW130" s="233"/>
      <c r="AX130" s="751" t="s">
        <v>497</v>
      </c>
      <c r="AY130" s="752"/>
      <c r="AZ130" s="752"/>
      <c r="BA130" s="752"/>
      <c r="BB130" s="752"/>
      <c r="BC130" s="752"/>
      <c r="BD130" s="752"/>
      <c r="BE130" s="753"/>
      <c r="BF130" s="754">
        <v>7.3</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8</v>
      </c>
      <c r="X131" s="761"/>
      <c r="Y131" s="761"/>
      <c r="Z131" s="762"/>
      <c r="AA131" s="763">
        <v>2290467</v>
      </c>
      <c r="AB131" s="764"/>
      <c r="AC131" s="764"/>
      <c r="AD131" s="764"/>
      <c r="AE131" s="765"/>
      <c r="AF131" s="766">
        <v>2495958</v>
      </c>
      <c r="AG131" s="764"/>
      <c r="AH131" s="764"/>
      <c r="AI131" s="764"/>
      <c r="AJ131" s="765"/>
      <c r="AK131" s="766">
        <v>2430128</v>
      </c>
      <c r="AL131" s="764"/>
      <c r="AM131" s="764"/>
      <c r="AN131" s="764"/>
      <c r="AO131" s="765"/>
      <c r="AP131" s="767"/>
      <c r="AQ131" s="768"/>
      <c r="AR131" s="768"/>
      <c r="AS131" s="768"/>
      <c r="AT131" s="769"/>
      <c r="AU131" s="233"/>
      <c r="AV131" s="233"/>
      <c r="AW131" s="233"/>
      <c r="AX131" s="729" t="s">
        <v>499</v>
      </c>
      <c r="AY131" s="730"/>
      <c r="AZ131" s="730"/>
      <c r="BA131" s="730"/>
      <c r="BB131" s="730"/>
      <c r="BC131" s="730"/>
      <c r="BD131" s="730"/>
      <c r="BE131" s="731"/>
      <c r="BF131" s="732" t="s">
        <v>130</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500</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501</v>
      </c>
      <c r="W132" s="742"/>
      <c r="X132" s="742"/>
      <c r="Y132" s="742"/>
      <c r="Z132" s="743"/>
      <c r="AA132" s="744">
        <v>7.2977257480000004</v>
      </c>
      <c r="AB132" s="745"/>
      <c r="AC132" s="745"/>
      <c r="AD132" s="745"/>
      <c r="AE132" s="746"/>
      <c r="AF132" s="747">
        <v>7.3133442149999999</v>
      </c>
      <c r="AG132" s="745"/>
      <c r="AH132" s="745"/>
      <c r="AI132" s="745"/>
      <c r="AJ132" s="746"/>
      <c r="AK132" s="747">
        <v>7.5169291490000001</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502</v>
      </c>
      <c r="W133" s="721"/>
      <c r="X133" s="721"/>
      <c r="Y133" s="721"/>
      <c r="Z133" s="722"/>
      <c r="AA133" s="723">
        <v>7.1</v>
      </c>
      <c r="AB133" s="724"/>
      <c r="AC133" s="724"/>
      <c r="AD133" s="724"/>
      <c r="AE133" s="725"/>
      <c r="AF133" s="723">
        <v>7.3</v>
      </c>
      <c r="AG133" s="724"/>
      <c r="AH133" s="724"/>
      <c r="AI133" s="724"/>
      <c r="AJ133" s="725"/>
      <c r="AK133" s="723">
        <v>7.3</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bWhnxU1GI1FM94bOK+n8veK1ibFCVPv4lwBwo7ePgbD9Hu74LF8Xo9sa1p+NN5efPb7oWcVUYu2achlQjzMYhQ==" saltValue="nBBzWlCv+KmIapJcBxBv4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03</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9dqCa+ivWxpno3Iqh1Q1ixhat+5mk0wUsauD5Jjx8pQQA4UFQDVNWOxE4J1+lT3GCvokf1c8KZ6iHrkrf3MW9Q==" saltValue="NkFx4YocCI8dgTtefhEjK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Y+gkZHbxzhjhFyqZE6WeWdxjip7pfMo+8NtnETcBFRtkDFoQPMHyF1ngf+nZ/emDmpELM268AbjdvGNZ+Tdk3Q==" saltValue="RYQwwtQazJoNxcok+yGrLw=="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04</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5</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506</v>
      </c>
      <c r="AP7" s="272"/>
      <c r="AQ7" s="273" t="s">
        <v>507</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08</v>
      </c>
      <c r="AQ8" s="279" t="s">
        <v>509</v>
      </c>
      <c r="AR8" s="280" t="s">
        <v>510</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11</v>
      </c>
      <c r="AL9" s="1131"/>
      <c r="AM9" s="1131"/>
      <c r="AN9" s="1132"/>
      <c r="AO9" s="281">
        <v>1039852</v>
      </c>
      <c r="AP9" s="281">
        <v>219101</v>
      </c>
      <c r="AQ9" s="282">
        <v>255467</v>
      </c>
      <c r="AR9" s="283">
        <v>-14.2</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12</v>
      </c>
      <c r="AL10" s="1131"/>
      <c r="AM10" s="1131"/>
      <c r="AN10" s="1132"/>
      <c r="AO10" s="284">
        <v>17806</v>
      </c>
      <c r="AP10" s="284">
        <v>3752</v>
      </c>
      <c r="AQ10" s="285">
        <v>29275</v>
      </c>
      <c r="AR10" s="286">
        <v>-87.2</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13</v>
      </c>
      <c r="AL11" s="1131"/>
      <c r="AM11" s="1131"/>
      <c r="AN11" s="1132"/>
      <c r="AO11" s="284" t="s">
        <v>514</v>
      </c>
      <c r="AP11" s="284" t="s">
        <v>514</v>
      </c>
      <c r="AQ11" s="285">
        <v>3959</v>
      </c>
      <c r="AR11" s="286" t="s">
        <v>514</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15</v>
      </c>
      <c r="AL12" s="1131"/>
      <c r="AM12" s="1131"/>
      <c r="AN12" s="1132"/>
      <c r="AO12" s="284" t="s">
        <v>514</v>
      </c>
      <c r="AP12" s="284" t="s">
        <v>514</v>
      </c>
      <c r="AQ12" s="285" t="s">
        <v>514</v>
      </c>
      <c r="AR12" s="286" t="s">
        <v>514</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16</v>
      </c>
      <c r="AL13" s="1131"/>
      <c r="AM13" s="1131"/>
      <c r="AN13" s="1132"/>
      <c r="AO13" s="284">
        <v>37212</v>
      </c>
      <c r="AP13" s="284">
        <v>7841</v>
      </c>
      <c r="AQ13" s="285">
        <v>9349</v>
      </c>
      <c r="AR13" s="286">
        <v>-16.100000000000001</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17</v>
      </c>
      <c r="AL14" s="1131"/>
      <c r="AM14" s="1131"/>
      <c r="AN14" s="1132"/>
      <c r="AO14" s="284">
        <v>37919</v>
      </c>
      <c r="AP14" s="284">
        <v>7990</v>
      </c>
      <c r="AQ14" s="285">
        <v>4659</v>
      </c>
      <c r="AR14" s="286">
        <v>71.5</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18</v>
      </c>
      <c r="AL15" s="1134"/>
      <c r="AM15" s="1134"/>
      <c r="AN15" s="1135"/>
      <c r="AO15" s="284">
        <v>-71939</v>
      </c>
      <c r="AP15" s="284">
        <v>-15158</v>
      </c>
      <c r="AQ15" s="285">
        <v>-18111</v>
      </c>
      <c r="AR15" s="286">
        <v>-16.3</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87</v>
      </c>
      <c r="AL16" s="1134"/>
      <c r="AM16" s="1134"/>
      <c r="AN16" s="1135"/>
      <c r="AO16" s="284">
        <v>1060850</v>
      </c>
      <c r="AP16" s="284">
        <v>223525</v>
      </c>
      <c r="AQ16" s="285">
        <v>284598</v>
      </c>
      <c r="AR16" s="286">
        <v>-21.5</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9</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0</v>
      </c>
      <c r="AP20" s="293" t="s">
        <v>521</v>
      </c>
      <c r="AQ20" s="294" t="s">
        <v>522</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23</v>
      </c>
      <c r="AL21" s="1137"/>
      <c r="AM21" s="1137"/>
      <c r="AN21" s="1138"/>
      <c r="AO21" s="297">
        <v>18.96</v>
      </c>
      <c r="AP21" s="298">
        <v>25.07</v>
      </c>
      <c r="AQ21" s="299">
        <v>-6.11</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24</v>
      </c>
      <c r="AL22" s="1137"/>
      <c r="AM22" s="1137"/>
      <c r="AN22" s="1138"/>
      <c r="AO22" s="302">
        <v>97.1</v>
      </c>
      <c r="AP22" s="303">
        <v>94.5</v>
      </c>
      <c r="AQ22" s="304">
        <v>2.6</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9" t="s">
        <v>525</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2" x14ac:dyDescent="0.2">
      <c r="A27" s="309"/>
      <c r="AO27" s="262"/>
      <c r="AP27" s="262"/>
      <c r="AQ27" s="262"/>
      <c r="AR27" s="262"/>
      <c r="AS27" s="262"/>
      <c r="AT27" s="262"/>
    </row>
    <row r="28" spans="1:46" ht="16.2" x14ac:dyDescent="0.2">
      <c r="A28" s="263" t="s">
        <v>526</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7</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506</v>
      </c>
      <c r="AP30" s="272"/>
      <c r="AQ30" s="273" t="s">
        <v>507</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08</v>
      </c>
      <c r="AQ31" s="279" t="s">
        <v>509</v>
      </c>
      <c r="AR31" s="280" t="s">
        <v>510</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28</v>
      </c>
      <c r="AL32" s="1121"/>
      <c r="AM32" s="1121"/>
      <c r="AN32" s="1122"/>
      <c r="AO32" s="312">
        <v>207926</v>
      </c>
      <c r="AP32" s="312">
        <v>43811</v>
      </c>
      <c r="AQ32" s="313">
        <v>156764</v>
      </c>
      <c r="AR32" s="314">
        <v>-72.099999999999994</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29</v>
      </c>
      <c r="AL33" s="1121"/>
      <c r="AM33" s="1121"/>
      <c r="AN33" s="1122"/>
      <c r="AO33" s="312" t="s">
        <v>514</v>
      </c>
      <c r="AP33" s="312" t="s">
        <v>514</v>
      </c>
      <c r="AQ33" s="313" t="s">
        <v>514</v>
      </c>
      <c r="AR33" s="314" t="s">
        <v>514</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30</v>
      </c>
      <c r="AL34" s="1121"/>
      <c r="AM34" s="1121"/>
      <c r="AN34" s="1122"/>
      <c r="AO34" s="312" t="s">
        <v>514</v>
      </c>
      <c r="AP34" s="312" t="s">
        <v>514</v>
      </c>
      <c r="AQ34" s="313" t="s">
        <v>514</v>
      </c>
      <c r="AR34" s="314" t="s">
        <v>514</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31</v>
      </c>
      <c r="AL35" s="1121"/>
      <c r="AM35" s="1121"/>
      <c r="AN35" s="1122"/>
      <c r="AO35" s="312">
        <v>335361</v>
      </c>
      <c r="AP35" s="312">
        <v>70662</v>
      </c>
      <c r="AQ35" s="313">
        <v>30923</v>
      </c>
      <c r="AR35" s="314">
        <v>128.5</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32</v>
      </c>
      <c r="AL36" s="1121"/>
      <c r="AM36" s="1121"/>
      <c r="AN36" s="1122"/>
      <c r="AO36" s="312">
        <v>38356</v>
      </c>
      <c r="AP36" s="312">
        <v>8082</v>
      </c>
      <c r="AQ36" s="313">
        <v>4657</v>
      </c>
      <c r="AR36" s="314">
        <v>73.5</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33</v>
      </c>
      <c r="AL37" s="1121"/>
      <c r="AM37" s="1121"/>
      <c r="AN37" s="1122"/>
      <c r="AO37" s="312" t="s">
        <v>514</v>
      </c>
      <c r="AP37" s="312" t="s">
        <v>514</v>
      </c>
      <c r="AQ37" s="313">
        <v>888</v>
      </c>
      <c r="AR37" s="314" t="s">
        <v>514</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34</v>
      </c>
      <c r="AL38" s="1124"/>
      <c r="AM38" s="1124"/>
      <c r="AN38" s="1125"/>
      <c r="AO38" s="315" t="s">
        <v>514</v>
      </c>
      <c r="AP38" s="315" t="s">
        <v>514</v>
      </c>
      <c r="AQ38" s="316">
        <v>21</v>
      </c>
      <c r="AR38" s="304" t="s">
        <v>514</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35</v>
      </c>
      <c r="AL39" s="1124"/>
      <c r="AM39" s="1124"/>
      <c r="AN39" s="1125"/>
      <c r="AO39" s="312">
        <v>-943</v>
      </c>
      <c r="AP39" s="312">
        <v>-199</v>
      </c>
      <c r="AQ39" s="313">
        <v>-6724</v>
      </c>
      <c r="AR39" s="314">
        <v>-97</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36</v>
      </c>
      <c r="AL40" s="1121"/>
      <c r="AM40" s="1121"/>
      <c r="AN40" s="1122"/>
      <c r="AO40" s="312">
        <v>-398029</v>
      </c>
      <c r="AP40" s="312">
        <v>-83866</v>
      </c>
      <c r="AQ40" s="313">
        <v>-136123</v>
      </c>
      <c r="AR40" s="314">
        <v>-38.4</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300</v>
      </c>
      <c r="AL41" s="1127"/>
      <c r="AM41" s="1127"/>
      <c r="AN41" s="1128"/>
      <c r="AO41" s="312">
        <v>182671</v>
      </c>
      <c r="AP41" s="312">
        <v>38489</v>
      </c>
      <c r="AQ41" s="313">
        <v>50405</v>
      </c>
      <c r="AR41" s="314">
        <v>-23.6</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7</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8</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9</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506</v>
      </c>
      <c r="AN49" s="1115" t="s">
        <v>540</v>
      </c>
      <c r="AO49" s="1116"/>
      <c r="AP49" s="1116"/>
      <c r="AQ49" s="1116"/>
      <c r="AR49" s="111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41</v>
      </c>
      <c r="AO50" s="329" t="s">
        <v>542</v>
      </c>
      <c r="AP50" s="330" t="s">
        <v>543</v>
      </c>
      <c r="AQ50" s="331" t="s">
        <v>544</v>
      </c>
      <c r="AR50" s="332" t="s">
        <v>545</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6</v>
      </c>
      <c r="AL51" s="325"/>
      <c r="AM51" s="333">
        <v>1280499</v>
      </c>
      <c r="AN51" s="334">
        <v>247248</v>
      </c>
      <c r="AO51" s="335">
        <v>22.9</v>
      </c>
      <c r="AP51" s="336">
        <v>121449</v>
      </c>
      <c r="AQ51" s="337">
        <v>4.5999999999999996</v>
      </c>
      <c r="AR51" s="338">
        <v>18.3</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7</v>
      </c>
      <c r="AM52" s="341">
        <v>1271738</v>
      </c>
      <c r="AN52" s="342">
        <v>245557</v>
      </c>
      <c r="AO52" s="343">
        <v>25.8</v>
      </c>
      <c r="AP52" s="344">
        <v>62922</v>
      </c>
      <c r="AQ52" s="345">
        <v>2.2000000000000002</v>
      </c>
      <c r="AR52" s="346">
        <v>23.6</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8</v>
      </c>
      <c r="AL53" s="325"/>
      <c r="AM53" s="333">
        <v>1343788</v>
      </c>
      <c r="AN53" s="334">
        <v>266730</v>
      </c>
      <c r="AO53" s="335">
        <v>7.9</v>
      </c>
      <c r="AP53" s="336">
        <v>145139</v>
      </c>
      <c r="AQ53" s="337">
        <v>19.5</v>
      </c>
      <c r="AR53" s="338">
        <v>-11.6</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7</v>
      </c>
      <c r="AM54" s="341">
        <v>1298604</v>
      </c>
      <c r="AN54" s="342">
        <v>257762</v>
      </c>
      <c r="AO54" s="343">
        <v>5</v>
      </c>
      <c r="AP54" s="344">
        <v>83762</v>
      </c>
      <c r="AQ54" s="345">
        <v>33.1</v>
      </c>
      <c r="AR54" s="346">
        <v>-28.1</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9</v>
      </c>
      <c r="AL55" s="325"/>
      <c r="AM55" s="333">
        <v>743844</v>
      </c>
      <c r="AN55" s="334">
        <v>149037</v>
      </c>
      <c r="AO55" s="335">
        <v>-44.1</v>
      </c>
      <c r="AP55" s="336">
        <v>332350</v>
      </c>
      <c r="AQ55" s="337">
        <v>129</v>
      </c>
      <c r="AR55" s="338">
        <v>-173.1</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7</v>
      </c>
      <c r="AM56" s="341">
        <v>699795</v>
      </c>
      <c r="AN56" s="342">
        <v>140211</v>
      </c>
      <c r="AO56" s="343">
        <v>-45.6</v>
      </c>
      <c r="AP56" s="344">
        <v>200453</v>
      </c>
      <c r="AQ56" s="345">
        <v>139.30000000000001</v>
      </c>
      <c r="AR56" s="346">
        <v>-184.9</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0</v>
      </c>
      <c r="AL57" s="325"/>
      <c r="AM57" s="333">
        <v>751309</v>
      </c>
      <c r="AN57" s="334">
        <v>153422</v>
      </c>
      <c r="AO57" s="335">
        <v>2.9</v>
      </c>
      <c r="AP57" s="336">
        <v>362690</v>
      </c>
      <c r="AQ57" s="337">
        <v>9.1</v>
      </c>
      <c r="AR57" s="338">
        <v>-6.2</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7</v>
      </c>
      <c r="AM58" s="341">
        <v>614670</v>
      </c>
      <c r="AN58" s="342">
        <v>125520</v>
      </c>
      <c r="AO58" s="343">
        <v>-10.5</v>
      </c>
      <c r="AP58" s="344">
        <v>172580</v>
      </c>
      <c r="AQ58" s="345">
        <v>-13.9</v>
      </c>
      <c r="AR58" s="346">
        <v>3.4</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1</v>
      </c>
      <c r="AL59" s="325"/>
      <c r="AM59" s="333">
        <v>849549</v>
      </c>
      <c r="AN59" s="334">
        <v>179003</v>
      </c>
      <c r="AO59" s="335">
        <v>16.7</v>
      </c>
      <c r="AP59" s="336">
        <v>296093</v>
      </c>
      <c r="AQ59" s="337">
        <v>-18.399999999999999</v>
      </c>
      <c r="AR59" s="338">
        <v>35.1</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7</v>
      </c>
      <c r="AM60" s="341">
        <v>744565</v>
      </c>
      <c r="AN60" s="342">
        <v>156883</v>
      </c>
      <c r="AO60" s="343">
        <v>25</v>
      </c>
      <c r="AP60" s="344">
        <v>140545</v>
      </c>
      <c r="AQ60" s="345">
        <v>-18.600000000000001</v>
      </c>
      <c r="AR60" s="346">
        <v>43.6</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2</v>
      </c>
      <c r="AL61" s="347"/>
      <c r="AM61" s="348">
        <v>993798</v>
      </c>
      <c r="AN61" s="349">
        <v>199088</v>
      </c>
      <c r="AO61" s="350">
        <v>1.3</v>
      </c>
      <c r="AP61" s="351">
        <v>251544</v>
      </c>
      <c r="AQ61" s="352">
        <v>28.8</v>
      </c>
      <c r="AR61" s="338">
        <v>-27.5</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7</v>
      </c>
      <c r="AM62" s="341">
        <v>925874</v>
      </c>
      <c r="AN62" s="342">
        <v>185187</v>
      </c>
      <c r="AO62" s="343">
        <v>-0.1</v>
      </c>
      <c r="AP62" s="344">
        <v>132052</v>
      </c>
      <c r="AQ62" s="345">
        <v>28.4</v>
      </c>
      <c r="AR62" s="346">
        <v>-28.5</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yUkkxtjCNC0s0yjSca8CDSYgB0k2MeYmPxl8u0RLXwGxpvUdm4LhZIGKKDGwW1Fro0RfEh5JQ0+MQGeo2gUEKg==" saltValue="33U1B1V5xYAUgKgWUclzZ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4</v>
      </c>
    </row>
    <row r="121" spans="125:125" ht="13.5" hidden="1" customHeight="1" x14ac:dyDescent="0.2">
      <c r="DU121" s="259"/>
    </row>
  </sheetData>
  <sheetProtection algorithmName="SHA-512" hashValue="GYQxOYQuIntNGIbgBdwwkZiW7rl8uX9A6y05hRFKwO322ghmTXe5X+U5f8CguB3w9IfeOJ/u7ZBcGLoR/WeBiA==" saltValue="dET5WE8APdX07jZiOF0ws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5</v>
      </c>
    </row>
  </sheetData>
  <sheetProtection algorithmName="SHA-512" hashValue="g7v/BbIjyfwj3fUoIhC8IsewXdCECcBEA4q+ZBiLAWisA7jPGs1cuTAbkX1PQl8YF2Gc6PPgXVBl9js2lRMIPw==" saltValue="W7KKul9DyWk25Ouiv+/ac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6</v>
      </c>
      <c r="G46" s="8" t="s">
        <v>557</v>
      </c>
      <c r="H46" s="8" t="s">
        <v>558</v>
      </c>
      <c r="I46" s="8" t="s">
        <v>559</v>
      </c>
      <c r="J46" s="9" t="s">
        <v>560</v>
      </c>
    </row>
    <row r="47" spans="2:10" ht="57.75" customHeight="1" x14ac:dyDescent="0.2">
      <c r="B47" s="10"/>
      <c r="C47" s="1139" t="s">
        <v>3</v>
      </c>
      <c r="D47" s="1139"/>
      <c r="E47" s="1140"/>
      <c r="F47" s="11">
        <v>55.48</v>
      </c>
      <c r="G47" s="12">
        <v>57.85</v>
      </c>
      <c r="H47" s="12">
        <v>59.74</v>
      </c>
      <c r="I47" s="12">
        <v>60.58</v>
      </c>
      <c r="J47" s="13">
        <v>65.040000000000006</v>
      </c>
    </row>
    <row r="48" spans="2:10" ht="57.75" customHeight="1" x14ac:dyDescent="0.2">
      <c r="B48" s="14"/>
      <c r="C48" s="1141" t="s">
        <v>4</v>
      </c>
      <c r="D48" s="1141"/>
      <c r="E48" s="1142"/>
      <c r="F48" s="15">
        <v>6.36</v>
      </c>
      <c r="G48" s="16">
        <v>7.53</v>
      </c>
      <c r="H48" s="16">
        <v>9.3000000000000007</v>
      </c>
      <c r="I48" s="16">
        <v>13.75</v>
      </c>
      <c r="J48" s="17">
        <v>8.58</v>
      </c>
    </row>
    <row r="49" spans="2:10" ht="57.75" customHeight="1" thickBot="1" x14ac:dyDescent="0.25">
      <c r="B49" s="18"/>
      <c r="C49" s="1143" t="s">
        <v>5</v>
      </c>
      <c r="D49" s="1143"/>
      <c r="E49" s="1144"/>
      <c r="F49" s="19">
        <v>2.88</v>
      </c>
      <c r="G49" s="20">
        <v>4.2699999999999996</v>
      </c>
      <c r="H49" s="20">
        <v>6.87</v>
      </c>
      <c r="I49" s="20">
        <v>9.9600000000000009</v>
      </c>
      <c r="J49" s="21" t="s">
        <v>561</v>
      </c>
    </row>
    <row r="50" spans="2:10" ht="13.2" x14ac:dyDescent="0.2"/>
  </sheetData>
  <sheetProtection algorithmName="SHA-512" hashValue="ZChEN6+pAnWkMFpJlbOdsDCQlJHBbnHYFACeOwTFj4dF5Z1tCmArKQE4r+ga4hvREbHUepSY3Xy7daNA7xZZnw==" saltValue="q8R9Lpg2V7mjR0Cqh8VqK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dcterms:created xsi:type="dcterms:W3CDTF">2024-02-05T00:57:40Z</dcterms:created>
  <dcterms:modified xsi:type="dcterms:W3CDTF">2024-03-22T09:31:12Z</dcterms:modified>
  <cp:category/>
</cp:coreProperties>
</file>